
<file path=[Content_Types].xml><?xml version="1.0" encoding="utf-8"?>
<Types xmlns="http://schemas.openxmlformats.org/package/2006/content-types">
  <Default Extension="rels" ContentType="application/vnd.openxmlformats-package.relationships+xml"/>
  <Default Extension="xml" ContentType="application/xml"/>
  <Default Extension="jpg" ContentType="image/jpeg"/>
  <Default Extension="png" ContentType="image/png"/>
  <Default Extension="gif" ContentType="image/gif"/>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numbering.xml" ContentType="application/vnd.openxmlformats-officedocument.wordprocessingml.numbering+xml"/>
  <Override PartName="/word/intelligence2.xml" ContentType="application/vnd.ms-office.intelligence2+xml"/>
</Types>
</file>

<file path=_rels/.rels>&#65279;<?xml version="1.0" encoding="utf-8"?><Relationships xmlns="http://schemas.openxmlformats.org/package/2006/relationships"><Relationship Type="http://schemas.openxmlformats.org/officeDocument/2006/relationships/extended-properties" Target="docProps/app.xml" Id="rId3" /><Relationship Type="http://schemas.openxmlformats.org/package/2006/relationships/metadata/core-properties" Target="docProps/core.xml" Id="rId2" /><Relationship Type="http://schemas.openxmlformats.org/officeDocument/2006/relationships/officeDocument" Target="word/document.xml" Id="rId1" /></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16se="http://schemas.microsoft.com/office/word/2015/wordml/symex" xmlns:w16cid="http://schemas.microsoft.com/office/word/2016/wordml/cid" xmlns:w16="http://schemas.microsoft.com/office/word/2018/wordml" xmlns:w16cex="http://schemas.microsoft.com/office/word/2018/wordml/cex" xmlns:w16sdtdh="http://schemas.microsoft.com/office/word/2020/wordml/sdtdatahash" xmlns:a="http://schemas.openxmlformats.org/drawingml/2006/main" xmlns:pic="http://schemas.openxmlformats.org/drawingml/2006/picture" xmlns:a14="http://schemas.microsoft.com/office/drawing/2010/main" mc:Ignorable="w14 w15 wp14 w16se w16cid w16 w16cex w16sdtdh">
  <w:body>
    <w:p w:rsidR="6C1DE1B1" w:rsidP="2D0C56E7" w:rsidRDefault="6C1DE1B1" w14:paraId="6807F652" w14:textId="14E6CE28">
      <w:pPr>
        <w:jc w:val="center"/>
        <w:rPr>
          <w:sz w:val="40"/>
          <w:szCs w:val="40"/>
        </w:rPr>
      </w:pPr>
      <w:r w:rsidRPr="2D0C56E7" w:rsidR="6C1DE1B1">
        <w:rPr>
          <w:sz w:val="40"/>
          <w:szCs w:val="40"/>
        </w:rPr>
        <w:t>Malware Reverse Engineering Documentation</w:t>
      </w:r>
    </w:p>
    <w:p w:rsidR="6C1DE1B1" w:rsidP="2D0C56E7" w:rsidRDefault="6C1DE1B1" w14:paraId="33F46B9C" w14:textId="6882264E">
      <w:pPr>
        <w:pStyle w:val="Normal"/>
        <w:jc w:val="center"/>
        <w:rPr>
          <w:sz w:val="40"/>
          <w:szCs w:val="40"/>
        </w:rPr>
      </w:pPr>
      <w:r w:rsidRPr="6BCA6D52" w:rsidR="6C1DE1B1">
        <w:rPr>
          <w:sz w:val="32"/>
          <w:szCs w:val="32"/>
        </w:rPr>
        <w:t>Eli Ledford, David, Calvin Vang, Adrian</w:t>
      </w:r>
    </w:p>
    <w:p w:rsidR="6BCA6D52" w:rsidP="6BCA6D52" w:rsidRDefault="6BCA6D52" w14:paraId="3D686D7F" w14:textId="2A36A992">
      <w:pPr>
        <w:pStyle w:val="Normal"/>
        <w:jc w:val="center"/>
        <w:rPr>
          <w:sz w:val="32"/>
          <w:szCs w:val="32"/>
        </w:rPr>
      </w:pPr>
    </w:p>
    <w:p w:rsidR="2A3F0FE2" w:rsidP="6BCA6D52" w:rsidRDefault="2A3F0FE2" w14:paraId="38E8B9FD" w14:textId="2B4B077D">
      <w:pPr>
        <w:pStyle w:val="Normal"/>
      </w:pPr>
      <w:r w:rsidR="2A3F0FE2">
        <w:rPr/>
        <w:t>Ghidra</w:t>
      </w:r>
      <w:r w:rsidR="2A3F0FE2">
        <w:rPr/>
        <w:t xml:space="preserve"> Installation for Windows:</w:t>
      </w:r>
    </w:p>
    <w:p w:rsidR="2A3F0FE2" w:rsidP="6BCA6D52" w:rsidRDefault="2A3F0FE2" w14:paraId="4932C698" w14:textId="1E937889">
      <w:pPr>
        <w:pStyle w:val="Normal"/>
      </w:pPr>
      <w:r w:rsidR="2A3F0FE2">
        <w:rPr/>
        <w:t>To install Ghidra, simply extract the Ghidra distribution file to the desired filesystem destination using any unzip program (built-in OS utilities, 7-Zip, WinZip, WinRAR, etc)</w:t>
      </w:r>
    </w:p>
    <w:p w:rsidR="2A3F0FE2" w:rsidP="6BCA6D52" w:rsidRDefault="2A3F0FE2" w14:paraId="0A1A45F7" w14:textId="6D5DC409">
      <w:pPr>
        <w:pStyle w:val="Normal"/>
      </w:pPr>
      <w:r w:rsidR="2A3F0FE2">
        <w:rPr/>
        <w:t xml:space="preserve"> </w:t>
      </w:r>
    </w:p>
    <w:p w:rsidR="2A3F0FE2" w:rsidP="6BCA6D52" w:rsidRDefault="2A3F0FE2" w14:paraId="02D06489" w14:textId="186F635B">
      <w:pPr>
        <w:pStyle w:val="Normal"/>
      </w:pPr>
      <w:r w:rsidR="2A3F0FE2">
        <w:rPr/>
        <w:t>Downloading from Github, the Ghidra</w:t>
      </w:r>
    </w:p>
    <w:p w:rsidR="2A3F0FE2" w:rsidP="6BCA6D52" w:rsidRDefault="2A3F0FE2" w14:paraId="2437AC77" w14:textId="200FE0BB">
      <w:pPr>
        <w:pStyle w:val="Normal"/>
        <w:rPr>
          <w:i w:val="0"/>
          <w:iCs w:val="0"/>
          <w:u w:val="single"/>
        </w:rPr>
      </w:pPr>
      <w:r w:rsidRPr="6BCA6D52" w:rsidR="2A3F0FE2">
        <w:rPr>
          <w:i w:val="0"/>
          <w:iCs w:val="0"/>
          <w:u w:val="single"/>
        </w:rPr>
        <w:t xml:space="preserve">Assets </w:t>
      </w:r>
    </w:p>
    <w:p w:rsidR="2A3F0FE2" w:rsidP="6BCA6D52" w:rsidRDefault="2A3F0FE2" w14:paraId="39FD5789" w14:textId="04AB7CB2">
      <w:pPr>
        <w:pStyle w:val="Normal"/>
      </w:pPr>
      <w:r w:rsidR="2A3F0FE2">
        <w:rPr/>
        <w:t>ghidra_11.0.1_PUBLIC_20240130.zip (Current version)</w:t>
      </w:r>
    </w:p>
    <w:p w:rsidR="2A3F0FE2" w:rsidP="6BCA6D52" w:rsidRDefault="2A3F0FE2" w14:paraId="199FC01B" w14:textId="2C3D87CA">
      <w:pPr>
        <w:pStyle w:val="Normal"/>
      </w:pPr>
      <w:r w:rsidR="2A3F0FE2">
        <w:rPr/>
        <w:t xml:space="preserve"> </w:t>
      </w:r>
      <w:r w:rsidR="0856D1FA">
        <w:drawing>
          <wp:inline wp14:editId="102A6427" wp14:anchorId="0125019E">
            <wp:extent cx="5943600" cy="2933700"/>
            <wp:effectExtent l="0" t="0" r="0" b="0"/>
            <wp:docPr id="375933096" name="" title=""/>
            <wp:cNvGraphicFramePr>
              <a:graphicFrameLocks noChangeAspect="1"/>
            </wp:cNvGraphicFramePr>
            <a:graphic>
              <a:graphicData uri="http://schemas.openxmlformats.org/drawingml/2006/picture">
                <pic:pic>
                  <pic:nvPicPr>
                    <pic:cNvPr id="0" name=""/>
                    <pic:cNvPicPr/>
                  </pic:nvPicPr>
                  <pic:blipFill>
                    <a:blip r:embed="Rc66499e9b07b4da1">
                      <a:extLst>
                        <a:ext xmlns:a="http://schemas.openxmlformats.org/drawingml/2006/main" uri="{28A0092B-C50C-407E-A947-70E740481C1C}">
                          <a14:useLocalDpi val="0"/>
                        </a:ext>
                      </a:extLst>
                    </a:blip>
                    <a:stretch>
                      <a:fillRect/>
                    </a:stretch>
                  </pic:blipFill>
                  <pic:spPr>
                    <a:xfrm>
                      <a:off x="0" y="0"/>
                      <a:ext cx="5943600" cy="2933700"/>
                    </a:xfrm>
                    <a:prstGeom prst="rect">
                      <a:avLst/>
                    </a:prstGeom>
                  </pic:spPr>
                </pic:pic>
              </a:graphicData>
            </a:graphic>
          </wp:inline>
        </w:drawing>
      </w:r>
    </w:p>
    <w:p w:rsidR="2A3F0FE2" w:rsidP="6BCA6D52" w:rsidRDefault="2A3F0FE2" w14:paraId="5ABFC8AC" w14:textId="127A2FF1">
      <w:pPr>
        <w:pStyle w:val="Normal"/>
      </w:pPr>
      <w:r w:rsidR="2A3F0FE2">
        <w:rPr/>
        <w:t xml:space="preserve"> </w:t>
      </w:r>
      <w:r w:rsidR="10372A9B">
        <w:drawing>
          <wp:inline wp14:editId="4F3C83ED" wp14:anchorId="6B57D3D4">
            <wp:extent cx="5943600" cy="2876550"/>
            <wp:effectExtent l="0" t="0" r="0" b="0"/>
            <wp:docPr id="1085927414" name="" title=""/>
            <wp:cNvGraphicFramePr>
              <a:graphicFrameLocks noChangeAspect="1"/>
            </wp:cNvGraphicFramePr>
            <a:graphic>
              <a:graphicData uri="http://schemas.openxmlformats.org/drawingml/2006/picture">
                <pic:pic>
                  <pic:nvPicPr>
                    <pic:cNvPr id="0" name=""/>
                    <pic:cNvPicPr/>
                  </pic:nvPicPr>
                  <pic:blipFill>
                    <a:blip r:embed="R1deedb57499d4136">
                      <a:extLst>
                        <a:ext xmlns:a="http://schemas.openxmlformats.org/drawingml/2006/main" uri="{28A0092B-C50C-407E-A947-70E740481C1C}">
                          <a14:useLocalDpi val="0"/>
                        </a:ext>
                      </a:extLst>
                    </a:blip>
                    <a:stretch>
                      <a:fillRect/>
                    </a:stretch>
                  </pic:blipFill>
                  <pic:spPr>
                    <a:xfrm>
                      <a:off x="0" y="0"/>
                      <a:ext cx="5943600" cy="2876550"/>
                    </a:xfrm>
                    <a:prstGeom prst="rect">
                      <a:avLst/>
                    </a:prstGeom>
                  </pic:spPr>
                </pic:pic>
              </a:graphicData>
            </a:graphic>
          </wp:inline>
        </w:drawing>
      </w:r>
    </w:p>
    <w:p w:rsidR="2A3F0FE2" w:rsidP="6BCA6D52" w:rsidRDefault="2A3F0FE2" w14:paraId="47BC419A" w14:textId="13683CF5">
      <w:pPr>
        <w:pStyle w:val="Normal"/>
      </w:pPr>
      <w:r w:rsidR="2A3F0FE2">
        <w:rPr/>
        <w:t>Ontop of that, you need to install a Java 11 64-bit Runtime and Development Kit (JDK)</w:t>
      </w:r>
    </w:p>
    <w:p w:rsidR="2A3F0FE2" w:rsidP="6BCA6D52" w:rsidRDefault="2A3F0FE2" w14:paraId="0A4378AD" w14:textId="1B41CBB2">
      <w:pPr>
        <w:pStyle w:val="Normal"/>
      </w:pPr>
      <w:r w:rsidR="2A3F0FE2">
        <w:rPr/>
        <w:t>A Free long term support (LTS) versions of JDK 11 is provided by</w:t>
      </w:r>
    </w:p>
    <w:p w:rsidR="2A3F0FE2" w:rsidP="6BCA6D52" w:rsidRDefault="2A3F0FE2" w14:paraId="4E2AB6C4" w14:textId="756FD1D2">
      <w:pPr>
        <w:pStyle w:val="Normal"/>
      </w:pPr>
      <w:r w:rsidR="2A3F0FE2">
        <w:rPr/>
        <w:t xml:space="preserve"> </w:t>
      </w:r>
      <w:r w:rsidR="0885FD18">
        <w:drawing>
          <wp:inline wp14:editId="6596D419" wp14:anchorId="0AEFBAA3">
            <wp:extent cx="5943600" cy="3390900"/>
            <wp:effectExtent l="0" t="0" r="0" b="0"/>
            <wp:docPr id="608244391" name="" title=""/>
            <wp:cNvGraphicFramePr>
              <a:graphicFrameLocks noChangeAspect="1"/>
            </wp:cNvGraphicFramePr>
            <a:graphic>
              <a:graphicData uri="http://schemas.openxmlformats.org/drawingml/2006/picture">
                <pic:pic>
                  <pic:nvPicPr>
                    <pic:cNvPr id="0" name=""/>
                    <pic:cNvPicPr/>
                  </pic:nvPicPr>
                  <pic:blipFill>
                    <a:blip r:embed="R8a4fd1b3a13c43d8">
                      <a:extLst>
                        <a:ext xmlns:a="http://schemas.openxmlformats.org/drawingml/2006/main" uri="{28A0092B-C50C-407E-A947-70E740481C1C}">
                          <a14:useLocalDpi val="0"/>
                        </a:ext>
                      </a:extLst>
                    </a:blip>
                    <a:stretch>
                      <a:fillRect/>
                    </a:stretch>
                  </pic:blipFill>
                  <pic:spPr>
                    <a:xfrm>
                      <a:off x="0" y="0"/>
                      <a:ext cx="5943600" cy="3390900"/>
                    </a:xfrm>
                    <a:prstGeom prst="rect">
                      <a:avLst/>
                    </a:prstGeom>
                  </pic:spPr>
                </pic:pic>
              </a:graphicData>
            </a:graphic>
          </wp:inline>
        </w:drawing>
      </w:r>
    </w:p>
    <w:p w:rsidR="6815984B" w:rsidP="6BCA6D52" w:rsidRDefault="6815984B" w14:paraId="19CA2A41" w14:textId="71D7BC63">
      <w:pPr>
        <w:pStyle w:val="Normal"/>
      </w:pPr>
      <w:r w:rsidR="6815984B">
        <w:drawing>
          <wp:inline wp14:editId="0C77B808" wp14:anchorId="661EAD1B">
            <wp:extent cx="5943600" cy="3105150"/>
            <wp:effectExtent l="0" t="0" r="0" b="0"/>
            <wp:docPr id="2119115154" name="" title=""/>
            <wp:cNvGraphicFramePr>
              <a:graphicFrameLocks noChangeAspect="1"/>
            </wp:cNvGraphicFramePr>
            <a:graphic>
              <a:graphicData uri="http://schemas.openxmlformats.org/drawingml/2006/picture">
                <pic:pic>
                  <pic:nvPicPr>
                    <pic:cNvPr id="0" name=""/>
                    <pic:cNvPicPr/>
                  </pic:nvPicPr>
                  <pic:blipFill>
                    <a:blip r:embed="Rcd7d942d727942bf">
                      <a:extLst>
                        <a:ext xmlns:a="http://schemas.openxmlformats.org/drawingml/2006/main" uri="{28A0092B-C50C-407E-A947-70E740481C1C}">
                          <a14:useLocalDpi val="0"/>
                        </a:ext>
                      </a:extLst>
                    </a:blip>
                    <a:stretch>
                      <a:fillRect/>
                    </a:stretch>
                  </pic:blipFill>
                  <pic:spPr>
                    <a:xfrm>
                      <a:off x="0" y="0"/>
                      <a:ext cx="5943600" cy="3105150"/>
                    </a:xfrm>
                    <a:prstGeom prst="rect">
                      <a:avLst/>
                    </a:prstGeom>
                  </pic:spPr>
                </pic:pic>
              </a:graphicData>
            </a:graphic>
          </wp:inline>
        </w:drawing>
      </w:r>
    </w:p>
    <w:p w:rsidR="0885FD18" w:rsidP="6BCA6D52" w:rsidRDefault="0885FD18" w14:paraId="670EF302" w14:textId="6D5A92EF">
      <w:pPr>
        <w:pStyle w:val="Normal"/>
      </w:pPr>
      <w:r w:rsidR="0885FD18">
        <w:rPr/>
        <w:t>AdoptOpenJDK</w:t>
      </w:r>
    </w:p>
    <w:p w:rsidR="2A3F0FE2" w:rsidP="6BCA6D52" w:rsidRDefault="2A3F0FE2" w14:paraId="679B3EDC" w14:textId="69D6EB14">
      <w:pPr>
        <w:pStyle w:val="Normal"/>
      </w:pPr>
      <w:r w:rsidR="2A3F0FE2">
        <w:rPr/>
        <w:t>Based on current systems</w:t>
      </w:r>
      <w:r w:rsidR="31146EF0">
        <w:rPr/>
        <w:t xml:space="preserve"> (mine)</w:t>
      </w:r>
    </w:p>
    <w:p w:rsidR="2A3F0FE2" w:rsidP="6BCA6D52" w:rsidRDefault="2A3F0FE2" w14:paraId="70D0345F" w14:textId="59A892A0">
      <w:pPr>
        <w:pStyle w:val="Normal"/>
      </w:pPr>
      <w:r w:rsidR="2A3F0FE2">
        <w:rPr/>
        <w:t>Operating System - Windows</w:t>
      </w:r>
    </w:p>
    <w:p w:rsidR="2A3F0FE2" w:rsidP="6BCA6D52" w:rsidRDefault="2A3F0FE2" w14:paraId="03ECD664" w14:textId="5CF3151A">
      <w:pPr>
        <w:pStyle w:val="Normal"/>
      </w:pPr>
      <w:r w:rsidR="2A3F0FE2">
        <w:rPr/>
        <w:t xml:space="preserve">Architecture - x64 </w:t>
      </w:r>
    </w:p>
    <w:p w:rsidR="2A3F0FE2" w:rsidP="6BCA6D52" w:rsidRDefault="2A3F0FE2" w14:paraId="3AF6298E" w14:textId="46792508">
      <w:pPr>
        <w:pStyle w:val="Normal"/>
      </w:pPr>
      <w:r w:rsidR="2A3F0FE2">
        <w:rPr/>
        <w:t>Package Type - JDK</w:t>
      </w:r>
    </w:p>
    <w:p w:rsidR="2A3F0FE2" w:rsidP="6BCA6D52" w:rsidRDefault="2A3F0FE2" w14:paraId="4A78EC33" w14:textId="44DEFDAA">
      <w:pPr>
        <w:pStyle w:val="Normal"/>
      </w:pPr>
      <w:r w:rsidR="2A3F0FE2">
        <w:rPr/>
        <w:t>Version - 21 - LTS</w:t>
      </w:r>
    </w:p>
    <w:p w:rsidR="2A3F0FE2" w:rsidP="6BCA6D52" w:rsidRDefault="2A3F0FE2" w14:paraId="24C9E987" w14:textId="3545748C">
      <w:pPr>
        <w:pStyle w:val="Normal"/>
      </w:pPr>
      <w:r w:rsidR="2A3F0FE2">
        <w:rPr/>
        <w:t xml:space="preserve"> </w:t>
      </w:r>
    </w:p>
    <w:p w:rsidR="2A3F0FE2" w:rsidP="6BCA6D52" w:rsidRDefault="2A3F0FE2" w14:paraId="122554EC" w14:textId="118A1094">
      <w:pPr>
        <w:pStyle w:val="Normal"/>
      </w:pPr>
      <w:r w:rsidR="2A3F0FE2">
        <w:rPr/>
        <w:t xml:space="preserve">The version to download is JDK - 179MB (MSI) or </w:t>
      </w:r>
      <w:r w:rsidR="2A3F0FE2">
        <w:rPr/>
        <w:t>other</w:t>
      </w:r>
      <w:r w:rsidR="2A3F0FE2">
        <w:rPr/>
        <w:t xml:space="preserve"> current version. </w:t>
      </w:r>
    </w:p>
    <w:p w:rsidR="52086D57" w:rsidP="6BCA6D52" w:rsidRDefault="52086D57" w14:paraId="7FA08B71" w14:textId="4E1E7486">
      <w:pPr>
        <w:pStyle w:val="Normal"/>
      </w:pPr>
      <w:r w:rsidR="52086D57">
        <w:rPr/>
        <w:t xml:space="preserve">Starting </w:t>
      </w:r>
      <w:r w:rsidR="52086D57">
        <w:rPr/>
        <w:t>Ghidra</w:t>
      </w:r>
      <w:r w:rsidR="52086D57">
        <w:rPr/>
        <w:t xml:space="preserve">, after successfully unzipping and downloading the JDK. Run the </w:t>
      </w:r>
      <w:r w:rsidR="3402DC73">
        <w:rPr/>
        <w:t>ghidraRun</w:t>
      </w:r>
      <w:r w:rsidR="3402DC73">
        <w:rPr/>
        <w:t xml:space="preserve"> or Windows Batch File</w:t>
      </w:r>
    </w:p>
    <w:p w:rsidR="2A3F0FE2" w:rsidP="6BCA6D52" w:rsidRDefault="2A3F0FE2" w14:paraId="6C0302A9" w14:textId="1A83668A">
      <w:pPr>
        <w:pStyle w:val="Normal"/>
      </w:pPr>
      <w:r w:rsidR="2A3F0FE2">
        <w:rPr/>
        <w:t xml:space="preserve"> </w:t>
      </w:r>
      <w:r w:rsidR="07D75321">
        <w:drawing>
          <wp:inline wp14:editId="064B9F8F" wp14:anchorId="7FBF1CDA">
            <wp:extent cx="5943600" cy="3200400"/>
            <wp:effectExtent l="0" t="0" r="0" b="0"/>
            <wp:docPr id="964448689" name="" title=""/>
            <wp:cNvGraphicFramePr>
              <a:graphicFrameLocks noChangeAspect="1"/>
            </wp:cNvGraphicFramePr>
            <a:graphic>
              <a:graphicData uri="http://schemas.openxmlformats.org/drawingml/2006/picture">
                <pic:pic>
                  <pic:nvPicPr>
                    <pic:cNvPr id="0" name=""/>
                    <pic:cNvPicPr/>
                  </pic:nvPicPr>
                  <pic:blipFill>
                    <a:blip r:embed="R5e6707d50777467c">
                      <a:extLst>
                        <a:ext xmlns:a="http://schemas.openxmlformats.org/drawingml/2006/main" uri="{28A0092B-C50C-407E-A947-70E740481C1C}">
                          <a14:useLocalDpi val="0"/>
                        </a:ext>
                      </a:extLst>
                    </a:blip>
                    <a:stretch>
                      <a:fillRect/>
                    </a:stretch>
                  </pic:blipFill>
                  <pic:spPr>
                    <a:xfrm>
                      <a:off x="0" y="0"/>
                      <a:ext cx="5943600" cy="3200400"/>
                    </a:xfrm>
                    <a:prstGeom prst="rect">
                      <a:avLst/>
                    </a:prstGeom>
                  </pic:spPr>
                </pic:pic>
              </a:graphicData>
            </a:graphic>
          </wp:inline>
        </w:drawing>
      </w:r>
    </w:p>
    <w:p w:rsidR="7C48BFC7" w:rsidP="6BCA6D52" w:rsidRDefault="7C48BFC7" w14:paraId="35DCB8E1" w14:textId="1C069775">
      <w:pPr>
        <w:pStyle w:val="Normal"/>
      </w:pPr>
      <w:r w:rsidR="7C48BFC7">
        <w:rPr/>
        <w:t>To create a new project</w:t>
      </w:r>
      <w:r w:rsidR="1BCE2DF6">
        <w:rPr/>
        <w:t>, click File, New Project, and Select Project Type (Non-Shared Project or Shared Project), and Select Project Location</w:t>
      </w:r>
    </w:p>
    <w:p w:rsidR="17EDF5E3" w:rsidP="6BCA6D52" w:rsidRDefault="17EDF5E3" w14:paraId="13095859" w14:textId="41122BA0">
      <w:pPr>
        <w:pStyle w:val="Normal"/>
      </w:pPr>
      <w:r w:rsidR="17EDF5E3">
        <w:drawing>
          <wp:inline wp14:editId="4944728F" wp14:anchorId="20B76EDE">
            <wp:extent cx="4327532" cy="3925295"/>
            <wp:effectExtent l="0" t="0" r="0" b="0"/>
            <wp:docPr id="1550486476" name="" title=""/>
            <wp:cNvGraphicFramePr>
              <a:graphicFrameLocks noChangeAspect="1"/>
            </wp:cNvGraphicFramePr>
            <a:graphic>
              <a:graphicData uri="http://schemas.openxmlformats.org/drawingml/2006/picture">
                <pic:pic>
                  <pic:nvPicPr>
                    <pic:cNvPr id="0" name=""/>
                    <pic:cNvPicPr/>
                  </pic:nvPicPr>
                  <pic:blipFill>
                    <a:blip r:embed="Rc4f40e428a5841c4">
                      <a:extLst>
                        <a:ext xmlns:a="http://schemas.openxmlformats.org/drawingml/2006/main" uri="{28A0092B-C50C-407E-A947-70E740481C1C}">
                          <a14:useLocalDpi val="0"/>
                        </a:ext>
                      </a:extLst>
                    </a:blip>
                    <a:stretch>
                      <a:fillRect/>
                    </a:stretch>
                  </pic:blipFill>
                  <pic:spPr>
                    <a:xfrm>
                      <a:off x="0" y="0"/>
                      <a:ext cx="4327532" cy="3925295"/>
                    </a:xfrm>
                    <a:prstGeom prst="rect">
                      <a:avLst/>
                    </a:prstGeom>
                  </pic:spPr>
                </pic:pic>
              </a:graphicData>
            </a:graphic>
          </wp:inline>
        </w:drawing>
      </w:r>
      <w:r w:rsidR="17EDF5E3">
        <w:drawing>
          <wp:inline wp14:editId="75764A4F" wp14:anchorId="51B4AE5D">
            <wp:extent cx="4877222" cy="4359018"/>
            <wp:effectExtent l="0" t="0" r="0" b="0"/>
            <wp:docPr id="796191023" name="" title=""/>
            <wp:cNvGraphicFramePr>
              <a:graphicFrameLocks noChangeAspect="1"/>
            </wp:cNvGraphicFramePr>
            <a:graphic>
              <a:graphicData uri="http://schemas.openxmlformats.org/drawingml/2006/picture">
                <pic:pic>
                  <pic:nvPicPr>
                    <pic:cNvPr id="0" name=""/>
                    <pic:cNvPicPr/>
                  </pic:nvPicPr>
                  <pic:blipFill>
                    <a:blip r:embed="R2f09c5cdd7144020">
                      <a:extLst>
                        <a:ext xmlns:a="http://schemas.openxmlformats.org/drawingml/2006/main" uri="{28A0092B-C50C-407E-A947-70E740481C1C}">
                          <a14:useLocalDpi val="0"/>
                        </a:ext>
                      </a:extLst>
                    </a:blip>
                    <a:stretch>
                      <a:fillRect/>
                    </a:stretch>
                  </pic:blipFill>
                  <pic:spPr>
                    <a:xfrm>
                      <a:off x="0" y="0"/>
                      <a:ext cx="4877222" cy="4359018"/>
                    </a:xfrm>
                    <a:prstGeom prst="rect">
                      <a:avLst/>
                    </a:prstGeom>
                  </pic:spPr>
                </pic:pic>
              </a:graphicData>
            </a:graphic>
          </wp:inline>
        </w:drawing>
      </w:r>
    </w:p>
    <w:p w:rsidR="6BCA6D52" w:rsidP="6BCA6D52" w:rsidRDefault="6BCA6D52" w14:paraId="69061F5C" w14:textId="615782EF">
      <w:pPr>
        <w:pStyle w:val="Normal"/>
      </w:pPr>
    </w:p>
    <w:p w:rsidR="17EDF5E3" w:rsidP="6BCA6D52" w:rsidRDefault="17EDF5E3" w14:paraId="6ACEFD8D" w14:textId="6CBB2722">
      <w:pPr>
        <w:pStyle w:val="Normal"/>
      </w:pPr>
      <w:r w:rsidR="17EDF5E3">
        <w:rPr/>
        <w:t xml:space="preserve">Or in our case import files </w:t>
      </w:r>
    </w:p>
    <w:p w:rsidR="7FE032B8" w:rsidP="6BCA6D52" w:rsidRDefault="7FE032B8" w14:paraId="747F7545" w14:textId="3F5A9F43">
      <w:pPr>
        <w:pStyle w:val="Normal"/>
      </w:pPr>
      <w:r w:rsidR="7FE032B8">
        <w:drawing>
          <wp:inline wp14:editId="46988A06" wp14:anchorId="0E3FE77D">
            <wp:extent cx="4892465" cy="4572398"/>
            <wp:effectExtent l="0" t="0" r="0" b="0"/>
            <wp:docPr id="1601093299" name="" title=""/>
            <wp:cNvGraphicFramePr>
              <a:graphicFrameLocks noChangeAspect="1"/>
            </wp:cNvGraphicFramePr>
            <a:graphic>
              <a:graphicData uri="http://schemas.openxmlformats.org/drawingml/2006/picture">
                <pic:pic>
                  <pic:nvPicPr>
                    <pic:cNvPr id="0" name=""/>
                    <pic:cNvPicPr/>
                  </pic:nvPicPr>
                  <pic:blipFill>
                    <a:blip r:embed="Re198518f431d4f55">
                      <a:extLst>
                        <a:ext xmlns:a="http://schemas.openxmlformats.org/drawingml/2006/main" uri="{28A0092B-C50C-407E-A947-70E740481C1C}">
                          <a14:useLocalDpi val="0"/>
                        </a:ext>
                      </a:extLst>
                    </a:blip>
                    <a:stretch>
                      <a:fillRect/>
                    </a:stretch>
                  </pic:blipFill>
                  <pic:spPr>
                    <a:xfrm>
                      <a:off x="0" y="0"/>
                      <a:ext cx="4892465" cy="4572398"/>
                    </a:xfrm>
                    <a:prstGeom prst="rect">
                      <a:avLst/>
                    </a:prstGeom>
                  </pic:spPr>
                </pic:pic>
              </a:graphicData>
            </a:graphic>
          </wp:inline>
        </w:drawing>
      </w:r>
    </w:p>
    <w:p w:rsidR="6BCA6D52" w:rsidP="6BCA6D52" w:rsidRDefault="6BCA6D52" w14:paraId="36D46A93" w14:textId="461ED8E5">
      <w:pPr>
        <w:pStyle w:val="Normal"/>
      </w:pPr>
    </w:p>
    <w:p w:rsidR="6E7C2EAF" w:rsidRDefault="6E7C2EAF" w14:paraId="789293FC" w14:textId="42F920D4">
      <w:r w:rsidR="6E7C2EAF">
        <w:rPr/>
        <w:t>Ghidra</w:t>
      </w:r>
      <w:r w:rsidR="6E7C2EAF">
        <w:rPr/>
        <w:t xml:space="preserve"> Malware Analysis</w:t>
      </w:r>
    </w:p>
    <w:p w:rsidR="3AEB4AF6" w:rsidRDefault="3AEB4AF6" w14:paraId="746270BC" w14:textId="5895FB69">
      <w:pPr>
        <w:rPr/>
      </w:pPr>
      <w:r w:rsidR="3AEB4AF6">
        <w:rPr/>
        <w:t>Task:</w:t>
      </w:r>
    </w:p>
    <w:p xmlns:wp14="http://schemas.microsoft.com/office/word/2010/wordml" wp14:paraId="5011EBC2" wp14:textId="7F3D7FAD">
      <w:pPr>
        <w:rPr/>
      </w:pPr>
      <w:r w:rsidR="3AEB4AF6">
        <w:rPr/>
        <w:t xml:space="preserve">Analyze Point of Sale (PoS) malware, where this malware scrapes the RAM memory of PoS systems to steal credit card and debit card information </w:t>
      </w:r>
    </w:p>
    <w:p xmlns:wp14="http://schemas.microsoft.com/office/word/2010/wordml" w:rsidP="203E67D7" wp14:paraId="20525C6D" wp14:textId="79303496">
      <w:pPr>
        <w:pStyle w:val="Normal"/>
        <w:rPr/>
      </w:pPr>
      <w:r w:rsidR="3AEB4AF6">
        <w:rPr/>
        <w:t xml:space="preserve">To start, </w:t>
      </w:r>
      <w:r w:rsidR="3AEB4AF6">
        <w:rPr/>
        <w:t>setup</w:t>
      </w:r>
      <w:r w:rsidR="3AEB4AF6">
        <w:rPr/>
        <w:t xml:space="preserve"> a safe analysis environment, and look for </w:t>
      </w:r>
      <w:r w:rsidR="6EA6AB7A">
        <w:rPr/>
        <w:t>malware</w:t>
      </w:r>
      <w:r w:rsidR="3AEB4AF6">
        <w:rPr/>
        <w:t xml:space="preserve"> indicators in the sample</w:t>
      </w:r>
      <w:r w:rsidR="3AEB4AF6">
        <w:rPr/>
        <w:t xml:space="preserve">.  </w:t>
      </w:r>
    </w:p>
    <w:p xmlns:wp14="http://schemas.microsoft.com/office/word/2010/wordml" w:rsidP="203E67D7" wp14:paraId="41F60119" wp14:textId="6C51A3B7">
      <w:pPr>
        <w:pStyle w:val="ListParagraph"/>
        <w:numPr>
          <w:ilvl w:val="0"/>
          <w:numId w:val="1"/>
        </w:numPr>
        <w:rPr/>
      </w:pPr>
      <w:r w:rsidR="3AEB4AF6">
        <w:rPr/>
        <w:t xml:space="preserve">VirtualBox  </w:t>
      </w:r>
    </w:p>
    <w:p xmlns:wp14="http://schemas.microsoft.com/office/word/2010/wordml" w:rsidP="203E67D7" wp14:paraId="31EC388E" wp14:textId="4BFADD97">
      <w:pPr>
        <w:pStyle w:val="ListParagraph"/>
        <w:numPr>
          <w:ilvl w:val="0"/>
          <w:numId w:val="1"/>
        </w:numPr>
        <w:rPr/>
      </w:pPr>
      <w:r w:rsidR="3AEB4AF6">
        <w:rPr/>
        <w:t xml:space="preserve">VirtualTotal, malware analysis tool </w:t>
      </w:r>
    </w:p>
    <w:p xmlns:wp14="http://schemas.microsoft.com/office/word/2010/wordml" w:rsidP="203E67D7" wp14:paraId="411A99D2" wp14:textId="1EF186DD">
      <w:pPr>
        <w:pStyle w:val="ListParagraph"/>
        <w:numPr>
          <w:ilvl w:val="0"/>
          <w:numId w:val="1"/>
        </w:numPr>
        <w:rPr/>
      </w:pPr>
      <w:r w:rsidR="3AEB4AF6">
        <w:rPr/>
        <w:t xml:space="preserve">Code found in:  </w:t>
      </w:r>
      <w:hyperlink r:id="Rfd3cd57d04d7451d">
        <w:r w:rsidRPr="67C5D71E" w:rsidR="3AEB4AF6">
          <w:rPr>
            <w:rStyle w:val="Hyperlink"/>
          </w:rPr>
          <w:t>https://github.com/PacktPublishing/Ghidra-Software-Reverse-Engineering-for-Beginners/tree/master/Chapter05</w:t>
        </w:r>
      </w:hyperlink>
      <w:r w:rsidR="3AEB4AF6">
        <w:rPr/>
        <w:t xml:space="preserve"> </w:t>
      </w:r>
      <w:r w:rsidR="397E26BF">
        <w:rPr/>
        <w:t xml:space="preserve"> </w:t>
      </w:r>
    </w:p>
    <w:p xmlns:wp14="http://schemas.microsoft.com/office/word/2010/wordml" w:rsidP="203E67D7" wp14:paraId="4C309AAC" wp14:textId="6DB2B351">
      <w:pPr>
        <w:pStyle w:val="Normal"/>
        <w:rPr/>
      </w:pPr>
      <w:r w:rsidR="3AEB4AF6">
        <w:rPr/>
        <w:t xml:space="preserve">Code in action:  </w:t>
      </w:r>
    </w:p>
    <w:p xmlns:wp14="http://schemas.microsoft.com/office/word/2010/wordml" w:rsidP="203E67D7" wp14:paraId="2323C93A" wp14:textId="3D46BE36">
      <w:pPr>
        <w:pStyle w:val="Normal"/>
        <w:rPr/>
      </w:pPr>
    </w:p>
    <w:p xmlns:wp14="http://schemas.microsoft.com/office/word/2010/wordml" w:rsidP="203E67D7" wp14:paraId="72EF4926" wp14:textId="279CDD23">
      <w:pPr>
        <w:pStyle w:val="Normal"/>
        <w:rPr/>
      </w:pPr>
      <w:r w:rsidR="60B1B40E">
        <w:rPr/>
        <w:t xml:space="preserve">The malware consists of: </w:t>
      </w:r>
    </w:p>
    <w:p xmlns:wp14="http://schemas.microsoft.com/office/word/2010/wordml" w:rsidP="203E67D7" wp14:paraId="2C967D19" wp14:textId="5B35A708">
      <w:pPr>
        <w:pStyle w:val="Normal"/>
        <w:rPr/>
      </w:pPr>
      <w:r w:rsidR="60B1B40E">
        <w:rPr/>
        <w:t xml:space="preserve">Windows driver </w:t>
      </w:r>
    </w:p>
    <w:p xmlns:wp14="http://schemas.microsoft.com/office/word/2010/wordml" w:rsidP="203E67D7" wp14:paraId="5DA615E0" wp14:textId="45A76E03">
      <w:pPr>
        <w:pStyle w:val="Normal"/>
        <w:rPr/>
      </w:pPr>
      <w:r w:rsidR="60B1B40E">
        <w:rPr/>
        <w:t xml:space="preserve">Portable </w:t>
      </w:r>
      <w:r w:rsidR="60B1B40E">
        <w:rPr/>
        <w:t>Executable</w:t>
      </w:r>
    </w:p>
    <w:p xmlns:wp14="http://schemas.microsoft.com/office/word/2010/wordml" w:rsidP="203E67D7" wp14:paraId="0EEDD012" wp14:textId="39201A22">
      <w:pPr>
        <w:pStyle w:val="Normal"/>
      </w:pPr>
    </w:p>
    <w:p w:rsidR="6BCA6D52" w:rsidP="6BCA6D52" w:rsidRDefault="6BCA6D52" w14:paraId="037D6CA2" w14:textId="14A1D26E">
      <w:pPr>
        <w:pStyle w:val="Normal"/>
      </w:pPr>
    </w:p>
    <w:p xmlns:wp14="http://schemas.microsoft.com/office/word/2010/wordml" w:rsidP="203E67D7" wp14:paraId="2ACA997C" wp14:textId="01E3C025">
      <w:pPr>
        <w:pStyle w:val="Normal"/>
        <w:rPr/>
      </w:pPr>
    </w:p>
    <w:p xmlns:wp14="http://schemas.microsoft.com/office/word/2010/wordml" w:rsidP="203E67D7" wp14:paraId="601FE470" wp14:textId="5BBF9A32">
      <w:pPr>
        <w:pStyle w:val="Normal"/>
        <w:rPr/>
      </w:pPr>
    </w:p>
    <w:p xmlns:wp14="http://schemas.microsoft.com/office/word/2010/wordml" w:rsidP="203E67D7" wp14:paraId="79B2DCC5" wp14:textId="6007BB4E">
      <w:pPr>
        <w:pStyle w:val="Normal"/>
        <w:rPr>
          <w:rFonts w:ascii="Aptos" w:hAnsi="Aptos" w:eastAsia="Aptos" w:cs="Aptos"/>
          <w:noProof w:val="0"/>
          <w:sz w:val="24"/>
          <w:szCs w:val="24"/>
          <w:lang w:val="en-US"/>
        </w:rPr>
      </w:pPr>
      <w:r w:rsidR="60B1B40E">
        <w:drawing>
          <wp:inline xmlns:wp14="http://schemas.microsoft.com/office/word/2010/wordprocessingDrawing" wp14:editId="07E078C0" wp14:anchorId="005544B8">
            <wp:extent cx="5943600" cy="5705476"/>
            <wp:effectExtent l="0" t="0" r="0" b="0"/>
            <wp:docPr id="1831147618" name="" descr="A screenshot of a computer&#10;&#10;Description automatically generated" title=""/>
            <wp:cNvGraphicFramePr>
              <a:graphicFrameLocks noChangeAspect="1"/>
            </wp:cNvGraphicFramePr>
            <a:graphic>
              <a:graphicData uri="http://schemas.openxmlformats.org/drawingml/2006/picture">
                <pic:pic>
                  <pic:nvPicPr>
                    <pic:cNvPr id="0" name=""/>
                    <pic:cNvPicPr/>
                  </pic:nvPicPr>
                  <pic:blipFill>
                    <a:blip r:embed="R1b2bb369a25c4423">
                      <a:extLst>
                        <a:ext xmlns:a="http://schemas.openxmlformats.org/drawingml/2006/main" uri="{28A0092B-C50C-407E-A947-70E740481C1C}">
                          <a14:useLocalDpi val="0"/>
                        </a:ext>
                      </a:extLst>
                    </a:blip>
                    <a:stretch>
                      <a:fillRect/>
                    </a:stretch>
                  </pic:blipFill>
                  <pic:spPr>
                    <a:xfrm>
                      <a:off x="0" y="0"/>
                      <a:ext cx="5943600" cy="5705476"/>
                    </a:xfrm>
                    <a:prstGeom prst="rect">
                      <a:avLst/>
                    </a:prstGeom>
                  </pic:spPr>
                </pic:pic>
              </a:graphicData>
            </a:graphic>
          </wp:inline>
        </w:drawing>
      </w:r>
    </w:p>
    <w:p xmlns:wp14="http://schemas.microsoft.com/office/word/2010/wordml" w:rsidP="203E67D7" wp14:paraId="42D62763" wp14:textId="6B18A32B">
      <w:pPr>
        <w:pStyle w:val="Normal"/>
        <w:rPr/>
      </w:pPr>
      <w:r w:rsidR="60B1B40E">
        <w:rPr/>
        <w:t>What we</w:t>
      </w:r>
      <w:r w:rsidR="60B1B40E">
        <w:rPr/>
        <w:t xml:space="preserve"> found in the file: </w:t>
      </w:r>
    </w:p>
    <w:p xmlns:wp14="http://schemas.microsoft.com/office/word/2010/wordml" w:rsidP="203E67D7" wp14:paraId="5A8BA181" wp14:textId="470F1D39">
      <w:pPr>
        <w:pStyle w:val="Normal"/>
        <w:rPr/>
      </w:pPr>
      <w:r w:rsidR="60B1B40E">
        <w:rPr/>
        <w:t xml:space="preserve">The user for this computer is named Benson, who seems to have </w:t>
      </w:r>
      <w:r w:rsidR="6752AEF5">
        <w:rPr/>
        <w:t>complied with</w:t>
      </w:r>
      <w:r w:rsidR="60B1B40E">
        <w:rPr/>
        <w:t xml:space="preserve"> this malware. Based on these strings, </w:t>
      </w:r>
      <w:r w:rsidR="132E5ACA">
        <w:rPr/>
        <w:t>multiple</w:t>
      </w:r>
      <w:r w:rsidR="60B1B40E">
        <w:rPr/>
        <w:t xml:space="preserve"> </w:t>
      </w:r>
      <w:r w:rsidR="5C08F758">
        <w:rPr/>
        <w:t>attributes</w:t>
      </w:r>
      <w:r w:rsidR="3D44628A">
        <w:rPr/>
        <w:t xml:space="preserve"> of the malware could be found based on these results. </w:t>
      </w:r>
    </w:p>
    <w:p xmlns:wp14="http://schemas.microsoft.com/office/word/2010/wordml" w:rsidP="203E67D7" wp14:paraId="3DCE15C8" wp14:textId="6D93907F">
      <w:pPr>
        <w:pStyle w:val="Normal"/>
        <w:rPr/>
      </w:pPr>
      <w:r w:rsidR="2B505A25">
        <w:rPr/>
        <w:t>Why is there a reference to windefender.ex</w:t>
      </w:r>
      <w:r w:rsidR="3A5C09F0">
        <w:rPr/>
        <w:t xml:space="preserve">e? On top of that, </w:t>
      </w:r>
      <w:r w:rsidR="11C5A421">
        <w:rPr/>
        <w:t xml:space="preserve">the </w:t>
      </w:r>
      <w:r w:rsidR="343B7E78">
        <w:rPr/>
        <w:t>address c:\\drivers\\test\\objchk_win7_x86\\i38\\ssdthook</w:t>
      </w:r>
      <w:r w:rsidR="10B71BB6">
        <w:rPr/>
        <w:t>.pdb, where the SDDT</w:t>
      </w:r>
      <w:r w:rsidR="3F9EBFFA">
        <w:rPr/>
        <w:t xml:space="preserve"> and the</w:t>
      </w:r>
      <w:r w:rsidR="10B71BB6">
        <w:rPr/>
        <w:t xml:space="preserve"> </w:t>
      </w:r>
      <w:r w:rsidR="507FCDC9">
        <w:rPr/>
        <w:t xml:space="preserve">SHELLCODE_MUTEX </w:t>
      </w:r>
      <w:r w:rsidR="3209737A">
        <w:rPr/>
        <w:t xml:space="preserve">are hooks that can be </w:t>
      </w:r>
      <w:r w:rsidR="3209737A">
        <w:rPr/>
        <w:t>malicious</w:t>
      </w:r>
      <w:r w:rsidR="3209737A">
        <w:rPr/>
        <w:t xml:space="preserve">. </w:t>
      </w:r>
    </w:p>
    <w:p xmlns:wp14="http://schemas.microsoft.com/office/word/2010/wordml" w:rsidP="203E67D7" wp14:paraId="3E9251F8" wp14:textId="05A7D49B">
      <w:pPr>
        <w:pStyle w:val="Normal"/>
        <w:rPr/>
      </w:pPr>
    </w:p>
    <w:p xmlns:wp14="http://schemas.microsoft.com/office/word/2010/wordml" w:rsidP="203E67D7" wp14:paraId="5CC7A4DC" wp14:textId="4976B776">
      <w:pPr>
        <w:pStyle w:val="Normal"/>
        <w:rPr/>
      </w:pPr>
      <w:r w:rsidR="2F16A11C">
        <w:rPr/>
        <w:t>SDDT - data structure in Microsoft Windows operating system</w:t>
      </w:r>
      <w:r w:rsidR="5C77AF9B">
        <w:rPr/>
        <w:t xml:space="preserve"> that maps system services numbers to addresses of matching system service </w:t>
      </w:r>
      <w:r w:rsidR="5C77AF9B">
        <w:rPr/>
        <w:t>routines</w:t>
      </w:r>
      <w:r w:rsidR="5C77AF9B">
        <w:rPr/>
        <w:t xml:space="preserve">. </w:t>
      </w:r>
    </w:p>
    <w:p xmlns:wp14="http://schemas.microsoft.com/office/word/2010/wordml" w:rsidP="203E67D7" wp14:paraId="4B17815D" wp14:textId="719A932F">
      <w:pPr>
        <w:pStyle w:val="Normal"/>
        <w:rPr/>
      </w:pPr>
    </w:p>
    <w:p xmlns:wp14="http://schemas.microsoft.com/office/word/2010/wordml" w:rsidP="203E67D7" wp14:paraId="29961F39" wp14:textId="48DEEA6F">
      <w:pPr>
        <w:pStyle w:val="Normal"/>
        <w:rPr/>
      </w:pPr>
      <w:r w:rsidR="2DE2DA0A">
        <w:rPr/>
        <w:t>Reviewing a program's strings can be a good start to reveal whether the cause of the problem is a malware issue without further analysis.</w:t>
      </w:r>
      <w:r w:rsidR="3FEC6669">
        <w:rPr/>
        <w:t xml:space="preserve"> </w:t>
      </w:r>
    </w:p>
    <w:p xmlns:wp14="http://schemas.microsoft.com/office/word/2010/wordml" w:rsidP="203E67D7" wp14:paraId="44EFEED3" wp14:textId="32ADEDB9">
      <w:pPr>
        <w:pStyle w:val="Normal"/>
        <w:rPr/>
      </w:pPr>
    </w:p>
    <w:p xmlns:wp14="http://schemas.microsoft.com/office/word/2010/wordml" w:rsidP="203E67D7" wp14:paraId="79F62874" wp14:textId="4FD39B1C">
      <w:pPr>
        <w:pStyle w:val="Normal"/>
        <w:rPr/>
      </w:pPr>
      <w:r w:rsidR="421C21F6">
        <w:rPr/>
        <w:t xml:space="preserve">Further </w:t>
      </w:r>
      <w:r w:rsidR="421C21F6">
        <w:rPr/>
        <w:t>investigation</w:t>
      </w:r>
      <w:r w:rsidR="421C21F6">
        <w:rPr/>
        <w:t xml:space="preserve"> of strings</w:t>
      </w:r>
    </w:p>
    <w:p xmlns:wp14="http://schemas.microsoft.com/office/word/2010/wordml" w:rsidP="203E67D7" wp14:paraId="604C478B" wp14:textId="05D4BC13">
      <w:pPr>
        <w:pStyle w:val="Normal"/>
        <w:rPr/>
      </w:pPr>
      <w:r w:rsidR="421C21F6">
        <w:rPr/>
        <w:t xml:space="preserve">Domain names may help reveal further if there seems to be a </w:t>
      </w:r>
      <w:r w:rsidR="78B80D93">
        <w:rPr/>
        <w:t>potential</w:t>
      </w:r>
      <w:r w:rsidR="421C21F6">
        <w:rPr/>
        <w:t xml:space="preserve"> danger such as malware</w:t>
      </w:r>
      <w:r w:rsidR="08195091">
        <w:rPr/>
        <w:t xml:space="preserve">. </w:t>
      </w:r>
    </w:p>
    <w:p xmlns:wp14="http://schemas.microsoft.com/office/word/2010/wordml" w:rsidP="203E67D7" wp14:paraId="74294180" wp14:textId="7E748033">
      <w:pPr>
        <w:pStyle w:val="Normal"/>
        <w:rPr>
          <w:rFonts w:ascii="Aptos" w:hAnsi="Aptos" w:eastAsia="Aptos" w:cs="Aptos"/>
          <w:noProof w:val="0"/>
          <w:sz w:val="24"/>
          <w:szCs w:val="24"/>
          <w:lang w:val="en-US"/>
        </w:rPr>
      </w:pPr>
      <w:r w:rsidR="08195091">
        <w:rPr/>
        <w:t xml:space="preserve">To analyze it, we use </w:t>
      </w:r>
      <w:r w:rsidR="2EECA6EA">
        <w:rPr/>
        <w:t xml:space="preserve">the following website </w:t>
      </w:r>
      <w:hyperlink r:id="R5600fd5f885c4192">
        <w:r w:rsidRPr="203E67D7" w:rsidR="2EECA6EA">
          <w:rPr>
            <w:rStyle w:val="Hyperlink"/>
            <w:rFonts w:ascii="Aptos" w:hAnsi="Aptos" w:eastAsia="Aptos" w:cs="Aptos"/>
            <w:noProof w:val="0"/>
            <w:sz w:val="24"/>
            <w:szCs w:val="24"/>
            <w:lang w:val="en-US"/>
          </w:rPr>
          <w:t>VirusTotal - Home</w:t>
        </w:r>
      </w:hyperlink>
      <w:r w:rsidRPr="203E67D7" w:rsidR="2EECA6EA">
        <w:rPr>
          <w:rFonts w:ascii="Aptos" w:hAnsi="Aptos" w:eastAsia="Aptos" w:cs="Aptos"/>
          <w:noProof w:val="0"/>
          <w:sz w:val="24"/>
          <w:szCs w:val="24"/>
          <w:lang w:val="en-US"/>
        </w:rPr>
        <w:t xml:space="preserve"> , to check if there </w:t>
      </w:r>
      <w:r w:rsidRPr="203E67D7" w:rsidR="58429449">
        <w:rPr>
          <w:rFonts w:ascii="Aptos" w:hAnsi="Aptos" w:eastAsia="Aptos" w:cs="Aptos"/>
          <w:noProof w:val="0"/>
          <w:sz w:val="24"/>
          <w:szCs w:val="24"/>
          <w:lang w:val="en-US"/>
        </w:rPr>
        <w:t>are</w:t>
      </w:r>
      <w:r w:rsidRPr="203E67D7" w:rsidR="2EECA6EA">
        <w:rPr>
          <w:rFonts w:ascii="Aptos" w:hAnsi="Aptos" w:eastAsia="Aptos" w:cs="Aptos"/>
          <w:noProof w:val="0"/>
          <w:sz w:val="24"/>
          <w:szCs w:val="24"/>
          <w:lang w:val="en-US"/>
        </w:rPr>
        <w:t xml:space="preserve"> danger</w:t>
      </w:r>
      <w:r w:rsidRPr="203E67D7" w:rsidR="72A0F0AC">
        <w:rPr>
          <w:rFonts w:ascii="Aptos" w:hAnsi="Aptos" w:eastAsia="Aptos" w:cs="Aptos"/>
          <w:noProof w:val="0"/>
          <w:sz w:val="24"/>
          <w:szCs w:val="24"/>
          <w:lang w:val="en-US"/>
        </w:rPr>
        <w:t>s within the domain name.</w:t>
      </w:r>
    </w:p>
    <w:p xmlns:wp14="http://schemas.microsoft.com/office/word/2010/wordml" w:rsidP="203E67D7" wp14:paraId="5CF04D18" wp14:textId="49BB7AC9">
      <w:pPr>
        <w:pStyle w:val="Normal"/>
        <w:rPr>
          <w:rFonts w:ascii="Aptos" w:hAnsi="Aptos" w:eastAsia="Aptos" w:cs="Aptos"/>
          <w:noProof w:val="0"/>
          <w:sz w:val="24"/>
          <w:szCs w:val="24"/>
          <w:lang w:val="en-US"/>
        </w:rPr>
      </w:pPr>
      <w:r w:rsidRPr="203E67D7" w:rsidR="363CB9B0">
        <w:rPr>
          <w:rFonts w:ascii="Aptos" w:hAnsi="Aptos" w:eastAsia="Aptos" w:cs="Aptos"/>
          <w:noProof w:val="0"/>
          <w:sz w:val="24"/>
          <w:szCs w:val="24"/>
          <w:lang w:val="en-US"/>
        </w:rPr>
        <w:t>I found these domains within the program:</w:t>
      </w:r>
    </w:p>
    <w:p xmlns:wp14="http://schemas.microsoft.com/office/word/2010/wordml" w:rsidP="203E67D7" wp14:paraId="0F2B10E6" wp14:textId="56D5C038">
      <w:pPr>
        <w:pStyle w:val="ListParagraph"/>
        <w:numPr>
          <w:ilvl w:val="0"/>
          <w:numId w:val="2"/>
        </w:numPr>
        <w:rPr>
          <w:rFonts w:ascii="Aptos" w:hAnsi="Aptos" w:eastAsia="Aptos" w:cs="Aptos"/>
          <w:noProof w:val="0"/>
          <w:sz w:val="24"/>
          <w:szCs w:val="24"/>
          <w:lang w:val="en-US"/>
        </w:rPr>
      </w:pPr>
      <w:r w:rsidRPr="203E67D7" w:rsidR="363CB9B0">
        <w:rPr>
          <w:rFonts w:ascii="Aptos" w:hAnsi="Aptos" w:eastAsia="Aptos" w:cs="Aptos"/>
          <w:noProof w:val="0"/>
          <w:sz w:val="24"/>
          <w:szCs w:val="24"/>
          <w:lang w:val="en-US"/>
        </w:rPr>
        <w:t>adobeflasherup1.com</w:t>
      </w:r>
    </w:p>
    <w:p xmlns:wp14="http://schemas.microsoft.com/office/word/2010/wordml" w:rsidP="203E67D7" wp14:paraId="485D250D" wp14:textId="40086DE5">
      <w:pPr>
        <w:pStyle w:val="ListParagraph"/>
        <w:numPr>
          <w:ilvl w:val="0"/>
          <w:numId w:val="2"/>
        </w:numPr>
        <w:rPr>
          <w:rFonts w:ascii="Aptos" w:hAnsi="Aptos" w:eastAsia="Aptos" w:cs="Aptos"/>
          <w:noProof w:val="0"/>
          <w:sz w:val="24"/>
          <w:szCs w:val="24"/>
          <w:lang w:val="en-US"/>
        </w:rPr>
      </w:pPr>
      <w:r w:rsidRPr="203E67D7" w:rsidR="363CB9B0">
        <w:rPr>
          <w:rFonts w:ascii="Aptos" w:hAnsi="Aptos" w:eastAsia="Aptos" w:cs="Aptos"/>
          <w:noProof w:val="0"/>
          <w:sz w:val="24"/>
          <w:szCs w:val="24"/>
          <w:lang w:val="en-US"/>
        </w:rPr>
        <w:t>javaoracle2.ru</w:t>
      </w:r>
    </w:p>
    <w:p xmlns:wp14="http://schemas.microsoft.com/office/word/2010/wordml" w:rsidP="203E67D7" wp14:paraId="5075DC26" wp14:textId="31A5A802">
      <w:pPr>
        <w:pStyle w:val="Normal"/>
        <w:rPr>
          <w:rFonts w:ascii="Aptos" w:hAnsi="Aptos" w:eastAsia="Aptos" w:cs="Aptos"/>
          <w:noProof w:val="0"/>
          <w:sz w:val="24"/>
          <w:szCs w:val="24"/>
          <w:lang w:val="en-US"/>
        </w:rPr>
      </w:pPr>
    </w:p>
    <w:p xmlns:wp14="http://schemas.microsoft.com/office/word/2010/wordml" w:rsidP="203E67D7" wp14:paraId="272BC13C" wp14:textId="56A6363E">
      <w:pPr>
        <w:pStyle w:val="Normal"/>
        <w:rPr>
          <w:rFonts w:ascii="Aptos" w:hAnsi="Aptos" w:eastAsia="Aptos" w:cs="Aptos"/>
          <w:noProof w:val="0"/>
          <w:sz w:val="24"/>
          <w:szCs w:val="24"/>
          <w:lang w:val="en-US"/>
        </w:rPr>
      </w:pPr>
      <w:r w:rsidRPr="2D0C56E7" w:rsidR="72A0F0AC">
        <w:rPr>
          <w:rFonts w:ascii="Aptos" w:hAnsi="Aptos" w:eastAsia="Aptos" w:cs="Aptos"/>
          <w:noProof w:val="0"/>
          <w:sz w:val="24"/>
          <w:szCs w:val="24"/>
          <w:lang w:val="en-US"/>
        </w:rPr>
        <w:t xml:space="preserve"> </w:t>
      </w:r>
      <w:r w:rsidR="308E24E2">
        <w:drawing>
          <wp:inline xmlns:wp14="http://schemas.microsoft.com/office/word/2010/wordprocessingDrawing" wp14:editId="03865A83" wp14:anchorId="085334AD">
            <wp:extent cx="6500766" cy="6188229"/>
            <wp:effectExtent l="0" t="0" r="0" b="0"/>
            <wp:docPr id="181557935" name="" title=""/>
            <wp:cNvGraphicFramePr>
              <a:graphicFrameLocks noChangeAspect="1"/>
            </wp:cNvGraphicFramePr>
            <a:graphic>
              <a:graphicData uri="http://schemas.openxmlformats.org/drawingml/2006/picture">
                <pic:pic>
                  <pic:nvPicPr>
                    <pic:cNvPr id="0" name=""/>
                    <pic:cNvPicPr/>
                  </pic:nvPicPr>
                  <pic:blipFill>
                    <a:blip r:embed="R6136193e25274b0d">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6500766" cy="6188229"/>
                    </a:xfrm>
                    <a:prstGeom prst="rect">
                      <a:avLst/>
                    </a:prstGeom>
                  </pic:spPr>
                </pic:pic>
              </a:graphicData>
            </a:graphic>
          </wp:inline>
        </w:drawing>
      </w:r>
      <w:r w:rsidR="308E24E2">
        <w:drawing>
          <wp:inline xmlns:wp14="http://schemas.microsoft.com/office/word/2010/wordprocessingDrawing" wp14:editId="6DFD33FF" wp14:anchorId="26EAE406">
            <wp:extent cx="5004630" cy="4924428"/>
            <wp:effectExtent l="0" t="0" r="0" b="0"/>
            <wp:docPr id="173105875" name="" title=""/>
            <wp:cNvGraphicFramePr>
              <a:graphicFrameLocks noChangeAspect="1"/>
            </wp:cNvGraphicFramePr>
            <a:graphic>
              <a:graphicData uri="http://schemas.openxmlformats.org/drawingml/2006/picture">
                <pic:pic>
                  <pic:nvPicPr>
                    <pic:cNvPr id="0" name=""/>
                    <pic:cNvPicPr/>
                  </pic:nvPicPr>
                  <pic:blipFill>
                    <a:blip r:embed="Rc4c5419ffabd4d4c">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004630" cy="4924428"/>
                    </a:xfrm>
                    <a:prstGeom prst="rect">
                      <a:avLst/>
                    </a:prstGeom>
                  </pic:spPr>
                </pic:pic>
              </a:graphicData>
            </a:graphic>
          </wp:inline>
        </w:drawing>
      </w:r>
    </w:p>
    <w:p xmlns:wp14="http://schemas.microsoft.com/office/word/2010/wordml" w:rsidP="203E67D7" wp14:paraId="5C82AF79" wp14:textId="336A30D0">
      <w:pPr>
        <w:pStyle w:val="Normal"/>
        <w:rPr>
          <w:rFonts w:ascii="Aptos" w:hAnsi="Aptos" w:eastAsia="Aptos" w:cs="Aptos"/>
          <w:noProof w:val="0"/>
          <w:sz w:val="24"/>
          <w:szCs w:val="24"/>
          <w:lang w:val="en-US"/>
        </w:rPr>
      </w:pPr>
    </w:p>
    <w:p xmlns:wp14="http://schemas.microsoft.com/office/word/2010/wordml" w:rsidP="203E67D7" wp14:paraId="54A483A4" wp14:textId="3E927502">
      <w:pPr>
        <w:pStyle w:val="Normal"/>
        <w:rPr>
          <w:rFonts w:ascii="Aptos" w:hAnsi="Aptos" w:eastAsia="Aptos" w:cs="Aptos"/>
          <w:noProof w:val="0"/>
          <w:sz w:val="24"/>
          <w:szCs w:val="24"/>
          <w:lang w:val="en-US"/>
        </w:rPr>
      </w:pPr>
      <w:r w:rsidRPr="203E67D7" w:rsidR="3DDE7E4E">
        <w:rPr>
          <w:rFonts w:ascii="Aptos" w:hAnsi="Aptos" w:eastAsia="Aptos" w:cs="Aptos"/>
          <w:noProof w:val="0"/>
          <w:sz w:val="24"/>
          <w:szCs w:val="24"/>
          <w:lang w:val="en-US"/>
        </w:rPr>
        <w:t xml:space="preserve">Searching these domains in the </w:t>
      </w:r>
      <w:r w:rsidRPr="203E67D7" w:rsidR="3DDE7E4E">
        <w:rPr>
          <w:rFonts w:ascii="Aptos" w:hAnsi="Aptos" w:eastAsia="Aptos" w:cs="Aptos"/>
          <w:noProof w:val="0"/>
          <w:sz w:val="24"/>
          <w:szCs w:val="24"/>
          <w:lang w:val="en-US"/>
        </w:rPr>
        <w:t>VirusTotal</w:t>
      </w:r>
      <w:r w:rsidRPr="203E67D7" w:rsidR="3DDE7E4E">
        <w:rPr>
          <w:rFonts w:ascii="Aptos" w:hAnsi="Aptos" w:eastAsia="Aptos" w:cs="Aptos"/>
          <w:noProof w:val="0"/>
          <w:sz w:val="24"/>
          <w:szCs w:val="24"/>
          <w:lang w:val="en-US"/>
        </w:rPr>
        <w:t xml:space="preserve"> website, we found that:</w:t>
      </w:r>
    </w:p>
    <w:p xmlns:wp14="http://schemas.microsoft.com/office/word/2010/wordml" w:rsidP="203E67D7" wp14:paraId="7B3E4607" wp14:textId="7482C520">
      <w:pPr>
        <w:pStyle w:val="ListParagraph"/>
        <w:numPr>
          <w:ilvl w:val="0"/>
          <w:numId w:val="3"/>
        </w:numPr>
        <w:rPr>
          <w:rFonts w:ascii="Aptos" w:hAnsi="Aptos" w:eastAsia="Aptos" w:cs="Aptos"/>
          <w:noProof w:val="0"/>
          <w:sz w:val="24"/>
          <w:szCs w:val="24"/>
          <w:lang w:val="en-US"/>
        </w:rPr>
      </w:pPr>
      <w:r w:rsidRPr="2D0C56E7" w:rsidR="3DDE7E4E">
        <w:rPr>
          <w:rFonts w:ascii="Aptos" w:hAnsi="Aptos" w:eastAsia="Aptos" w:cs="Aptos"/>
          <w:noProof w:val="0"/>
          <w:sz w:val="24"/>
          <w:szCs w:val="24"/>
          <w:lang w:val="en-US"/>
        </w:rPr>
        <w:t xml:space="preserve">javaoracle2.ru, there </w:t>
      </w:r>
      <w:r w:rsidRPr="2D0C56E7" w:rsidR="3DDE7E4E">
        <w:rPr>
          <w:rFonts w:ascii="Aptos" w:hAnsi="Aptos" w:eastAsia="Aptos" w:cs="Aptos"/>
          <w:noProof w:val="0"/>
          <w:sz w:val="24"/>
          <w:szCs w:val="24"/>
          <w:lang w:val="en-US"/>
        </w:rPr>
        <w:t>is</w:t>
      </w:r>
      <w:r w:rsidRPr="2D0C56E7" w:rsidR="3DDE7E4E">
        <w:rPr>
          <w:rFonts w:ascii="Aptos" w:hAnsi="Aptos" w:eastAsia="Aptos" w:cs="Aptos"/>
          <w:noProof w:val="0"/>
          <w:sz w:val="24"/>
          <w:szCs w:val="24"/>
          <w:lang w:val="en-US"/>
        </w:rPr>
        <w:t xml:space="preserve"> 3/91 security vendors in this URL that coul</w:t>
      </w:r>
      <w:r w:rsidRPr="2D0C56E7" w:rsidR="010A253D">
        <w:rPr>
          <w:rFonts w:ascii="Aptos" w:hAnsi="Aptos" w:eastAsia="Aptos" w:cs="Aptos"/>
          <w:noProof w:val="0"/>
          <w:sz w:val="24"/>
          <w:szCs w:val="24"/>
          <w:lang w:val="en-US"/>
        </w:rPr>
        <w:t xml:space="preserve">d be </w:t>
      </w:r>
      <w:r w:rsidRPr="2D0C56E7" w:rsidR="4DF91E13">
        <w:rPr>
          <w:rFonts w:ascii="Aptos" w:hAnsi="Aptos" w:eastAsia="Aptos" w:cs="Aptos"/>
          <w:noProof w:val="0"/>
          <w:sz w:val="24"/>
          <w:szCs w:val="24"/>
          <w:lang w:val="en-US"/>
        </w:rPr>
        <w:t xml:space="preserve">malicious. </w:t>
      </w:r>
    </w:p>
    <w:p xmlns:wp14="http://schemas.microsoft.com/office/word/2010/wordml" w:rsidP="203E67D7" wp14:paraId="3AE597C0" wp14:textId="1D32367A">
      <w:pPr>
        <w:pStyle w:val="ListParagraph"/>
        <w:numPr>
          <w:ilvl w:val="0"/>
          <w:numId w:val="3"/>
        </w:numPr>
        <w:rPr>
          <w:rFonts w:ascii="Aptos" w:hAnsi="Aptos" w:eastAsia="Aptos" w:cs="Aptos"/>
          <w:noProof w:val="0"/>
          <w:sz w:val="24"/>
          <w:szCs w:val="24"/>
          <w:lang w:val="en-US"/>
        </w:rPr>
      </w:pPr>
      <w:r w:rsidRPr="203E67D7" w:rsidR="010A253D">
        <w:rPr>
          <w:rFonts w:ascii="Aptos" w:hAnsi="Aptos" w:eastAsia="Aptos" w:cs="Aptos"/>
          <w:noProof w:val="0"/>
          <w:sz w:val="24"/>
          <w:szCs w:val="24"/>
          <w:lang w:val="en-US"/>
        </w:rPr>
        <w:t xml:space="preserve">adobeflasherup1.com, there </w:t>
      </w:r>
      <w:r w:rsidRPr="203E67D7" w:rsidR="010A253D">
        <w:rPr>
          <w:rFonts w:ascii="Aptos" w:hAnsi="Aptos" w:eastAsia="Aptos" w:cs="Aptos"/>
          <w:noProof w:val="0"/>
          <w:sz w:val="24"/>
          <w:szCs w:val="24"/>
          <w:lang w:val="en-US"/>
        </w:rPr>
        <w:t>is</w:t>
      </w:r>
      <w:r w:rsidRPr="203E67D7" w:rsidR="010A253D">
        <w:rPr>
          <w:rFonts w:ascii="Aptos" w:hAnsi="Aptos" w:eastAsia="Aptos" w:cs="Aptos"/>
          <w:noProof w:val="0"/>
          <w:sz w:val="24"/>
          <w:szCs w:val="24"/>
          <w:lang w:val="en-US"/>
        </w:rPr>
        <w:t xml:space="preserve"> 5/91 security vendors in this URL that could be malicious.</w:t>
      </w:r>
    </w:p>
    <w:p xmlns:wp14="http://schemas.microsoft.com/office/word/2010/wordml" w:rsidP="203E67D7" wp14:paraId="38CBF1C8" wp14:textId="1249301F">
      <w:pPr>
        <w:pStyle w:val="Normal"/>
        <w:rPr>
          <w:rFonts w:ascii="Aptos" w:hAnsi="Aptos" w:eastAsia="Aptos" w:cs="Aptos"/>
          <w:noProof w:val="0"/>
          <w:sz w:val="24"/>
          <w:szCs w:val="24"/>
          <w:lang w:val="en-US"/>
        </w:rPr>
      </w:pPr>
    </w:p>
    <w:p xmlns:wp14="http://schemas.microsoft.com/office/word/2010/wordml" w:rsidP="203E67D7" wp14:paraId="7C172C30" wp14:textId="338EF797">
      <w:pPr>
        <w:pStyle w:val="Normal"/>
        <w:rPr>
          <w:rFonts w:ascii="Aptos" w:hAnsi="Aptos" w:eastAsia="Aptos" w:cs="Aptos"/>
          <w:noProof w:val="0"/>
          <w:sz w:val="24"/>
          <w:szCs w:val="24"/>
          <w:lang w:val="en-US"/>
        </w:rPr>
      </w:pPr>
      <w:r w:rsidR="308E24E2">
        <w:drawing>
          <wp:inline xmlns:wp14="http://schemas.microsoft.com/office/word/2010/wordprocessingDrawing" wp14:editId="23958DBA" wp14:anchorId="067B9794">
            <wp:extent cx="5505452" cy="5943600"/>
            <wp:effectExtent l="0" t="0" r="0" b="0"/>
            <wp:docPr id="727424837" name="" title=""/>
            <wp:cNvGraphicFramePr>
              <a:graphicFrameLocks noChangeAspect="1"/>
            </wp:cNvGraphicFramePr>
            <a:graphic>
              <a:graphicData uri="http://schemas.openxmlformats.org/drawingml/2006/picture">
                <pic:pic>
                  <pic:nvPicPr>
                    <pic:cNvPr id="0" name=""/>
                    <pic:cNvPicPr/>
                  </pic:nvPicPr>
                  <pic:blipFill>
                    <a:blip r:embed="R2efd498fd39e4dd6">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505452" cy="5943600"/>
                    </a:xfrm>
                    <a:prstGeom prst="rect">
                      <a:avLst/>
                    </a:prstGeom>
                  </pic:spPr>
                </pic:pic>
              </a:graphicData>
            </a:graphic>
          </wp:inline>
        </w:drawing>
      </w:r>
    </w:p>
    <w:p w:rsidR="08CB3279" w:rsidP="2D0C56E7" w:rsidRDefault="08CB3279" w14:paraId="329A6785" w14:textId="2396DBE5">
      <w:pPr>
        <w:pStyle w:val="Normal"/>
        <w:rPr>
          <w:rFonts w:ascii="Aptos" w:hAnsi="Aptos" w:eastAsia="Aptos" w:cs="Aptos"/>
          <w:noProof w:val="0"/>
          <w:sz w:val="24"/>
          <w:szCs w:val="24"/>
          <w:lang w:val="en-US"/>
        </w:rPr>
      </w:pPr>
      <w:r w:rsidRPr="2D0C56E7" w:rsidR="08CB3279">
        <w:rPr>
          <w:rFonts w:ascii="Aptos" w:hAnsi="Aptos" w:eastAsia="Aptos" w:cs="Aptos"/>
          <w:noProof w:val="0"/>
          <w:sz w:val="24"/>
          <w:szCs w:val="24"/>
          <w:lang w:val="en-US"/>
        </w:rPr>
        <w:t>Security vendor:</w:t>
      </w:r>
    </w:p>
    <w:p w:rsidR="147748C4" w:rsidP="2D0C56E7" w:rsidRDefault="147748C4" w14:paraId="7E90C2E6" w14:textId="46F8B672">
      <w:pPr>
        <w:pStyle w:val="ListParagraph"/>
        <w:numPr>
          <w:ilvl w:val="0"/>
          <w:numId w:val="4"/>
        </w:numPr>
        <w:rPr>
          <w:rFonts w:ascii="Aptos" w:hAnsi="Aptos" w:eastAsia="Aptos" w:cs="Aptos"/>
          <w:noProof w:val="0"/>
          <w:sz w:val="24"/>
          <w:szCs w:val="24"/>
          <w:lang w:val="en-US"/>
        </w:rPr>
      </w:pPr>
      <w:r w:rsidRPr="2D0C56E7" w:rsidR="147748C4">
        <w:rPr>
          <w:rFonts w:ascii="Aptos" w:hAnsi="Aptos" w:eastAsia="Aptos" w:cs="Aptos"/>
          <w:noProof w:val="0"/>
          <w:sz w:val="24"/>
          <w:szCs w:val="24"/>
          <w:lang w:val="en-US"/>
        </w:rPr>
        <w:t>Antiy</w:t>
      </w:r>
      <w:r w:rsidRPr="2D0C56E7" w:rsidR="147748C4">
        <w:rPr>
          <w:rFonts w:ascii="Aptos" w:hAnsi="Aptos" w:eastAsia="Aptos" w:cs="Aptos"/>
          <w:noProof w:val="0"/>
          <w:sz w:val="24"/>
          <w:szCs w:val="24"/>
          <w:lang w:val="en-US"/>
        </w:rPr>
        <w:t>-AVL</w:t>
      </w:r>
      <w:r w:rsidRPr="2D0C56E7" w:rsidR="0C7462E2">
        <w:rPr>
          <w:rFonts w:ascii="Aptos" w:hAnsi="Aptos" w:eastAsia="Aptos" w:cs="Aptos"/>
          <w:noProof w:val="0"/>
          <w:sz w:val="24"/>
          <w:szCs w:val="24"/>
          <w:lang w:val="en-US"/>
        </w:rPr>
        <w:t>, a mobile antivirus engine, detects malicious contents within the domain name</w:t>
      </w:r>
    </w:p>
    <w:p w:rsidR="5FECA37E" w:rsidP="2D0C56E7" w:rsidRDefault="5FECA37E" w14:paraId="50AF915C" w14:textId="37FE73F1">
      <w:pPr>
        <w:pStyle w:val="ListParagraph"/>
        <w:numPr>
          <w:ilvl w:val="0"/>
          <w:numId w:val="4"/>
        </w:numPr>
        <w:rPr>
          <w:rFonts w:ascii="Aptos" w:hAnsi="Aptos" w:eastAsia="Aptos" w:cs="Aptos"/>
          <w:noProof w:val="0"/>
          <w:sz w:val="24"/>
          <w:szCs w:val="24"/>
          <w:lang w:val="en-US"/>
        </w:rPr>
      </w:pPr>
      <w:r w:rsidRPr="2D0C56E7" w:rsidR="5FECA37E">
        <w:rPr>
          <w:rFonts w:ascii="Aptos" w:hAnsi="Aptos" w:eastAsia="Aptos" w:cs="Aptos"/>
          <w:noProof w:val="0"/>
          <w:sz w:val="24"/>
          <w:szCs w:val="24"/>
          <w:lang w:val="en-US"/>
        </w:rPr>
        <w:t xml:space="preserve">Avira, German computer security software company, has detected malicious </w:t>
      </w:r>
      <w:r w:rsidRPr="2D0C56E7" w:rsidR="5FECA37E">
        <w:rPr>
          <w:rFonts w:ascii="Aptos" w:hAnsi="Aptos" w:eastAsia="Aptos" w:cs="Aptos"/>
          <w:noProof w:val="0"/>
          <w:sz w:val="24"/>
          <w:szCs w:val="24"/>
          <w:lang w:val="en-US"/>
        </w:rPr>
        <w:t>content</w:t>
      </w:r>
      <w:r w:rsidRPr="2D0C56E7" w:rsidR="5FECA37E">
        <w:rPr>
          <w:rFonts w:ascii="Aptos" w:hAnsi="Aptos" w:eastAsia="Aptos" w:cs="Aptos"/>
          <w:noProof w:val="0"/>
          <w:sz w:val="24"/>
          <w:szCs w:val="24"/>
          <w:lang w:val="en-US"/>
        </w:rPr>
        <w:t xml:space="preserve"> within the domain name</w:t>
      </w:r>
    </w:p>
    <w:p w:rsidR="20F8D83A" w:rsidP="2D0C56E7" w:rsidRDefault="20F8D83A" w14:paraId="6BC1D7BC" w14:textId="3BD639FA">
      <w:pPr>
        <w:pStyle w:val="ListParagraph"/>
        <w:numPr>
          <w:ilvl w:val="0"/>
          <w:numId w:val="4"/>
        </w:numPr>
        <w:rPr>
          <w:rFonts w:ascii="Aptos" w:hAnsi="Aptos" w:eastAsia="Aptos" w:cs="Aptos"/>
          <w:noProof w:val="0"/>
          <w:sz w:val="24"/>
          <w:szCs w:val="24"/>
          <w:lang w:val="en-US"/>
        </w:rPr>
      </w:pPr>
      <w:r w:rsidRPr="2D0C56E7" w:rsidR="20F8D83A">
        <w:rPr>
          <w:rFonts w:ascii="Aptos" w:hAnsi="Aptos" w:eastAsia="Aptos" w:cs="Aptos"/>
          <w:noProof w:val="0"/>
          <w:sz w:val="24"/>
          <w:szCs w:val="24"/>
          <w:lang w:val="en-US"/>
        </w:rPr>
        <w:t>CRDF, an independent IT security lab, has also detected malicious content in the domain name</w:t>
      </w:r>
    </w:p>
    <w:p w:rsidR="2D0C56E7" w:rsidP="2D0C56E7" w:rsidRDefault="2D0C56E7" w14:paraId="1DAE0934" w14:textId="7FE3C931">
      <w:pPr>
        <w:pStyle w:val="Normal"/>
        <w:rPr>
          <w:rFonts w:ascii="Aptos" w:hAnsi="Aptos" w:eastAsia="Aptos" w:cs="Aptos"/>
          <w:noProof w:val="0"/>
          <w:sz w:val="24"/>
          <w:szCs w:val="24"/>
          <w:lang w:val="en-US"/>
        </w:rPr>
      </w:pPr>
    </w:p>
    <w:p xmlns:wp14="http://schemas.microsoft.com/office/word/2010/wordml" w:rsidP="203E67D7" wp14:paraId="19FC3CF8" wp14:textId="2AFA8B6E">
      <w:pPr>
        <w:pStyle w:val="Normal"/>
        <w:rPr/>
      </w:pPr>
    </w:p>
    <w:p xmlns:wp14="http://schemas.microsoft.com/office/word/2010/wordml" w:rsidP="203E67D7" wp14:paraId="2C078E63" wp14:textId="2AB9F18F">
      <w:pPr>
        <w:pStyle w:val="Normal"/>
        <w:rPr/>
      </w:pPr>
      <w:r w:rsidR="308E24E2">
        <w:drawing>
          <wp:inline xmlns:wp14="http://schemas.microsoft.com/office/word/2010/wordprocessingDrawing" wp14:editId="7EF11016" wp14:anchorId="0B4994FD">
            <wp:extent cx="5534026" cy="5943600"/>
            <wp:effectExtent l="0" t="0" r="0" b="0"/>
            <wp:docPr id="281150603" name="" title=""/>
            <wp:cNvGraphicFramePr>
              <a:graphicFrameLocks noChangeAspect="1"/>
            </wp:cNvGraphicFramePr>
            <a:graphic>
              <a:graphicData uri="http://schemas.openxmlformats.org/drawingml/2006/picture">
                <pic:pic>
                  <pic:nvPicPr>
                    <pic:cNvPr id="0" name=""/>
                    <pic:cNvPicPr/>
                  </pic:nvPicPr>
                  <pic:blipFill>
                    <a:blip r:embed="R1d50fae955ea4cd5">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534026" cy="5943600"/>
                    </a:xfrm>
                    <a:prstGeom prst="rect">
                      <a:avLst/>
                    </a:prstGeom>
                  </pic:spPr>
                </pic:pic>
              </a:graphicData>
            </a:graphic>
          </wp:inline>
        </w:drawing>
      </w:r>
    </w:p>
    <w:p w:rsidR="0C06D147" w:rsidP="2D0C56E7" w:rsidRDefault="0C06D147" w14:paraId="35AEB968" w14:textId="2396DBE5">
      <w:pPr>
        <w:pStyle w:val="Normal"/>
        <w:rPr>
          <w:rFonts w:ascii="Aptos" w:hAnsi="Aptos" w:eastAsia="Aptos" w:cs="Aptos"/>
          <w:noProof w:val="0"/>
          <w:sz w:val="24"/>
          <w:szCs w:val="24"/>
          <w:lang w:val="en-US"/>
        </w:rPr>
      </w:pPr>
      <w:r w:rsidRPr="2D0C56E7" w:rsidR="0C06D147">
        <w:rPr>
          <w:rFonts w:ascii="Aptos" w:hAnsi="Aptos" w:eastAsia="Aptos" w:cs="Aptos"/>
          <w:noProof w:val="0"/>
          <w:sz w:val="24"/>
          <w:szCs w:val="24"/>
          <w:lang w:val="en-US"/>
        </w:rPr>
        <w:t>Security vendor:</w:t>
      </w:r>
    </w:p>
    <w:p w:rsidR="0C06D147" w:rsidP="2D0C56E7" w:rsidRDefault="0C06D147" w14:paraId="1421AA04" w14:textId="46F8B672">
      <w:pPr>
        <w:pStyle w:val="ListParagraph"/>
        <w:numPr>
          <w:ilvl w:val="0"/>
          <w:numId w:val="4"/>
        </w:numPr>
        <w:rPr>
          <w:rFonts w:ascii="Aptos" w:hAnsi="Aptos" w:eastAsia="Aptos" w:cs="Aptos"/>
          <w:noProof w:val="0"/>
          <w:sz w:val="24"/>
          <w:szCs w:val="24"/>
          <w:lang w:val="en-US"/>
        </w:rPr>
      </w:pPr>
      <w:r w:rsidRPr="2D0C56E7" w:rsidR="0C06D147">
        <w:rPr>
          <w:rFonts w:ascii="Aptos" w:hAnsi="Aptos" w:eastAsia="Aptos" w:cs="Aptos"/>
          <w:noProof w:val="0"/>
          <w:sz w:val="24"/>
          <w:szCs w:val="24"/>
          <w:lang w:val="en-US"/>
        </w:rPr>
        <w:t>Antiy-AVL, a mobile antivirus engine, detects malicious contents within the domain name</w:t>
      </w:r>
    </w:p>
    <w:p w:rsidR="0C06D147" w:rsidP="2D0C56E7" w:rsidRDefault="0C06D147" w14:paraId="1EF57878" w14:textId="37FE73F1">
      <w:pPr>
        <w:pStyle w:val="ListParagraph"/>
        <w:numPr>
          <w:ilvl w:val="0"/>
          <w:numId w:val="4"/>
        </w:numPr>
        <w:rPr>
          <w:rFonts w:ascii="Aptos" w:hAnsi="Aptos" w:eastAsia="Aptos" w:cs="Aptos"/>
          <w:noProof w:val="0"/>
          <w:sz w:val="24"/>
          <w:szCs w:val="24"/>
          <w:lang w:val="en-US"/>
        </w:rPr>
      </w:pPr>
      <w:r w:rsidRPr="2D0C56E7" w:rsidR="0C06D147">
        <w:rPr>
          <w:rFonts w:ascii="Aptos" w:hAnsi="Aptos" w:eastAsia="Aptos" w:cs="Aptos"/>
          <w:noProof w:val="0"/>
          <w:sz w:val="24"/>
          <w:szCs w:val="24"/>
          <w:lang w:val="en-US"/>
        </w:rPr>
        <w:t>Avira, German computer security software company, has detected malicious content within the domain name</w:t>
      </w:r>
    </w:p>
    <w:p w:rsidR="0C06D147" w:rsidP="2D0C56E7" w:rsidRDefault="0C06D147" w14:paraId="0B7315F2" w14:textId="3BD639FA">
      <w:pPr>
        <w:pStyle w:val="ListParagraph"/>
        <w:numPr>
          <w:ilvl w:val="0"/>
          <w:numId w:val="4"/>
        </w:numPr>
        <w:rPr>
          <w:rFonts w:ascii="Aptos" w:hAnsi="Aptos" w:eastAsia="Aptos" w:cs="Aptos"/>
          <w:noProof w:val="0"/>
          <w:sz w:val="24"/>
          <w:szCs w:val="24"/>
          <w:lang w:val="en-US"/>
        </w:rPr>
      </w:pPr>
      <w:r w:rsidRPr="2D0C56E7" w:rsidR="0C06D147">
        <w:rPr>
          <w:rFonts w:ascii="Aptos" w:hAnsi="Aptos" w:eastAsia="Aptos" w:cs="Aptos"/>
          <w:noProof w:val="0"/>
          <w:sz w:val="24"/>
          <w:szCs w:val="24"/>
          <w:lang w:val="en-US"/>
        </w:rPr>
        <w:t>CRDF, an independent IT security lab, has also detected malicious content in the domain name</w:t>
      </w:r>
    </w:p>
    <w:p w:rsidR="6F641345" w:rsidP="2D0C56E7" w:rsidRDefault="6F641345" w14:paraId="3FB3209C" w14:textId="1000AF3B">
      <w:pPr>
        <w:pStyle w:val="ListParagraph"/>
        <w:numPr>
          <w:ilvl w:val="0"/>
          <w:numId w:val="4"/>
        </w:numPr>
        <w:rPr>
          <w:rFonts w:ascii="Aptos" w:hAnsi="Aptos" w:eastAsia="Aptos" w:cs="Aptos"/>
          <w:noProof w:val="0"/>
          <w:sz w:val="24"/>
          <w:szCs w:val="24"/>
          <w:lang w:val="en-US"/>
        </w:rPr>
      </w:pPr>
      <w:r w:rsidRPr="2D0C56E7" w:rsidR="6F641345">
        <w:rPr>
          <w:rFonts w:ascii="Aptos" w:hAnsi="Aptos" w:eastAsia="Aptos" w:cs="Aptos"/>
          <w:noProof w:val="0"/>
          <w:sz w:val="24"/>
          <w:szCs w:val="24"/>
          <w:lang w:val="en-US"/>
        </w:rPr>
        <w:t>CyRadar</w:t>
      </w:r>
      <w:r w:rsidRPr="2D0C56E7" w:rsidR="6F641345">
        <w:rPr>
          <w:rFonts w:ascii="Aptos" w:hAnsi="Aptos" w:eastAsia="Aptos" w:cs="Aptos"/>
          <w:noProof w:val="0"/>
          <w:sz w:val="24"/>
          <w:szCs w:val="24"/>
          <w:lang w:val="en-US"/>
        </w:rPr>
        <w:t xml:space="preserve">, a cybersecurity company, detects malicious contents within the domain name  </w:t>
      </w:r>
    </w:p>
    <w:p w:rsidR="75467787" w:rsidP="2D0C56E7" w:rsidRDefault="75467787" w14:paraId="1F3383E9" w14:textId="6AD2FF34">
      <w:pPr>
        <w:pStyle w:val="ListParagraph"/>
        <w:numPr>
          <w:ilvl w:val="0"/>
          <w:numId w:val="4"/>
        </w:numPr>
        <w:rPr>
          <w:rFonts w:ascii="Aptos" w:hAnsi="Aptos" w:eastAsia="Aptos" w:cs="Aptos"/>
          <w:noProof w:val="0"/>
          <w:sz w:val="24"/>
          <w:szCs w:val="24"/>
          <w:lang w:val="en-US"/>
        </w:rPr>
      </w:pPr>
      <w:r w:rsidRPr="2D0C56E7" w:rsidR="75467787">
        <w:rPr>
          <w:rFonts w:ascii="Aptos" w:hAnsi="Aptos" w:eastAsia="Aptos" w:cs="Aptos"/>
          <w:noProof w:val="0"/>
          <w:sz w:val="24"/>
          <w:szCs w:val="24"/>
          <w:lang w:val="en-US"/>
        </w:rPr>
        <w:t>Dr.Web</w:t>
      </w:r>
      <w:r w:rsidRPr="2D0C56E7" w:rsidR="75467787">
        <w:rPr>
          <w:rFonts w:ascii="Aptos" w:hAnsi="Aptos" w:eastAsia="Aptos" w:cs="Aptos"/>
          <w:noProof w:val="0"/>
          <w:sz w:val="24"/>
          <w:szCs w:val="24"/>
          <w:lang w:val="en-US"/>
        </w:rPr>
        <w:t xml:space="preserve">, popular antivirus software, has also detected malicious content in the domain name  </w:t>
      </w:r>
    </w:p>
    <w:p w:rsidR="2D0C56E7" w:rsidP="2D0C56E7" w:rsidRDefault="2D0C56E7" w14:paraId="2E1298C4" w14:textId="716EA9CD">
      <w:pPr>
        <w:pStyle w:val="Normal"/>
        <w:rPr/>
      </w:pPr>
    </w:p>
    <w:p w:rsidR="06B7EFF3" w:rsidP="203E67D7" w:rsidRDefault="06B7EFF3" w14:paraId="0D22F6C8" w14:textId="1134B10A">
      <w:pPr>
        <w:pStyle w:val="Normal"/>
        <w:rPr/>
      </w:pPr>
      <w:r w:rsidR="06B7EFF3">
        <w:rPr/>
        <w:t>Thus,</w:t>
      </w:r>
      <w:r w:rsidR="41E9D895">
        <w:rPr/>
        <w:t xml:space="preserve"> can help when analyzing malware by adding more details from public resources</w:t>
      </w:r>
    </w:p>
    <w:p w:rsidR="203E67D7" w:rsidP="203E67D7" w:rsidRDefault="203E67D7" w14:paraId="1D3774F9" w14:textId="203E56B8">
      <w:pPr>
        <w:pStyle w:val="Normal"/>
        <w:rPr/>
      </w:pPr>
    </w:p>
    <w:p w:rsidR="203E67D7" w:rsidP="203E67D7" w:rsidRDefault="203E67D7" w14:paraId="5CFB68E6" w14:textId="6E6C84CC">
      <w:pPr>
        <w:pStyle w:val="Normal"/>
        <w:rPr/>
      </w:pPr>
      <w:r w:rsidR="0D843E67">
        <w:rPr/>
        <w:t xml:space="preserve">Symbol Tree </w:t>
      </w:r>
      <w:r w:rsidR="0D843E67">
        <w:rPr/>
        <w:t>Exploration</w:t>
      </w:r>
    </w:p>
    <w:p w:rsidR="574A824B" w:rsidP="2D0C56E7" w:rsidRDefault="574A824B" w14:paraId="526821AB" w14:textId="0EC1894C">
      <w:pPr>
        <w:pStyle w:val="Normal"/>
        <w:rPr/>
      </w:pPr>
      <w:r w:rsidR="574A824B">
        <w:rPr/>
        <w:t xml:space="preserve">Binary references malicious servers must be done by a network communication, or in </w:t>
      </w:r>
      <w:r w:rsidR="148DA407">
        <w:rPr/>
        <w:t>this case by an HTTP protocol. This is seen by the</w:t>
      </w:r>
      <w:r w:rsidR="353B316E">
        <w:rPr/>
        <w:t xml:space="preserve"> import functions in the Symbol Tree.</w:t>
      </w:r>
    </w:p>
    <w:p w:rsidR="19D70D5E" w:rsidP="2D0C56E7" w:rsidRDefault="19D70D5E" w14:paraId="3BC82B79" w14:textId="2BFE5BDD">
      <w:pPr>
        <w:pStyle w:val="Normal"/>
        <w:rPr/>
      </w:pPr>
      <w:r w:rsidR="19D70D5E">
        <w:drawing>
          <wp:inline wp14:editId="28564B88" wp14:anchorId="3CD09DFF">
            <wp:extent cx="2283309" cy="1933747"/>
            <wp:effectExtent l="0" t="0" r="0" b="0"/>
            <wp:docPr id="1014074542" name="" title=""/>
            <wp:cNvGraphicFramePr>
              <a:graphicFrameLocks noChangeAspect="1"/>
            </wp:cNvGraphicFramePr>
            <a:graphic>
              <a:graphicData uri="http://schemas.openxmlformats.org/drawingml/2006/picture">
                <pic:pic>
                  <pic:nvPicPr>
                    <pic:cNvPr id="0" name=""/>
                    <pic:cNvPicPr/>
                  </pic:nvPicPr>
                  <pic:blipFill>
                    <a:blip r:embed="R9fefac27e7664074">
                      <a:extLst>
                        <a:ext xmlns:a="http://schemas.openxmlformats.org/drawingml/2006/main" uri="{28A0092B-C50C-407E-A947-70E740481C1C}">
                          <a14:useLocalDpi val="0"/>
                        </a:ext>
                      </a:extLst>
                    </a:blip>
                    <a:stretch>
                      <a:fillRect/>
                    </a:stretch>
                  </pic:blipFill>
                  <pic:spPr>
                    <a:xfrm>
                      <a:off x="0" y="0"/>
                      <a:ext cx="2283309" cy="1933747"/>
                    </a:xfrm>
                    <a:prstGeom prst="rect">
                      <a:avLst/>
                    </a:prstGeom>
                  </pic:spPr>
                </pic:pic>
              </a:graphicData>
            </a:graphic>
          </wp:inline>
        </w:drawing>
      </w:r>
      <w:r w:rsidR="0F32A201">
        <w:drawing>
          <wp:inline wp14:editId="5D69C724" wp14:anchorId="0FF33FA2">
            <wp:extent cx="2290578" cy="1922317"/>
            <wp:effectExtent l="0" t="0" r="0" b="0"/>
            <wp:docPr id="603246843" name="" title=""/>
            <wp:cNvGraphicFramePr>
              <a:graphicFrameLocks noChangeAspect="1"/>
            </wp:cNvGraphicFramePr>
            <a:graphic>
              <a:graphicData uri="http://schemas.openxmlformats.org/drawingml/2006/picture">
                <pic:pic>
                  <pic:nvPicPr>
                    <pic:cNvPr id="0" name=""/>
                    <pic:cNvPicPr/>
                  </pic:nvPicPr>
                  <pic:blipFill>
                    <a:blip r:embed="R7f72d83a6d7c463b">
                      <a:extLst>
                        <a:ext xmlns:a="http://schemas.openxmlformats.org/drawingml/2006/main" uri="{28A0092B-C50C-407E-A947-70E740481C1C}">
                          <a14:useLocalDpi val="0"/>
                        </a:ext>
                      </a:extLst>
                    </a:blip>
                    <a:stretch>
                      <a:fillRect/>
                    </a:stretch>
                  </pic:blipFill>
                  <pic:spPr>
                    <a:xfrm>
                      <a:off x="0" y="0"/>
                      <a:ext cx="2290578" cy="1922317"/>
                    </a:xfrm>
                    <a:prstGeom prst="rect">
                      <a:avLst/>
                    </a:prstGeom>
                  </pic:spPr>
                </pic:pic>
              </a:graphicData>
            </a:graphic>
          </wp:inline>
        </w:drawing>
      </w:r>
    </w:p>
    <w:p w:rsidR="09BF0669" w:rsidP="2D0C56E7" w:rsidRDefault="09BF0669" w14:paraId="0816055E" w14:textId="72CC22A2">
      <w:pPr>
        <w:pStyle w:val="Normal"/>
        <w:rPr/>
      </w:pPr>
      <w:r w:rsidR="09BF0669">
        <w:drawing>
          <wp:inline wp14:editId="6A452573" wp14:anchorId="0B2EBE1E">
            <wp:extent cx="2324302" cy="2004234"/>
            <wp:effectExtent l="0" t="0" r="0" b="0"/>
            <wp:docPr id="980837873" name="" title=""/>
            <wp:cNvGraphicFramePr>
              <a:graphicFrameLocks noChangeAspect="1"/>
            </wp:cNvGraphicFramePr>
            <a:graphic>
              <a:graphicData uri="http://schemas.openxmlformats.org/drawingml/2006/picture">
                <pic:pic>
                  <pic:nvPicPr>
                    <pic:cNvPr id="0" name=""/>
                    <pic:cNvPicPr/>
                  </pic:nvPicPr>
                  <pic:blipFill>
                    <a:blip r:embed="Ra4a8fc16675f433a">
                      <a:extLst>
                        <a:ext xmlns:a="http://schemas.openxmlformats.org/drawingml/2006/main" uri="{28A0092B-C50C-407E-A947-70E740481C1C}">
                          <a14:useLocalDpi val="0"/>
                        </a:ext>
                      </a:extLst>
                    </a:blip>
                    <a:stretch>
                      <a:fillRect/>
                    </a:stretch>
                  </pic:blipFill>
                  <pic:spPr>
                    <a:xfrm>
                      <a:off x="0" y="0"/>
                      <a:ext cx="2324302" cy="2004234"/>
                    </a:xfrm>
                    <a:prstGeom prst="rect">
                      <a:avLst/>
                    </a:prstGeom>
                  </pic:spPr>
                </pic:pic>
              </a:graphicData>
            </a:graphic>
          </wp:inline>
        </w:drawing>
      </w:r>
    </w:p>
    <w:p w:rsidR="451D41F9" w:rsidP="2D0C56E7" w:rsidRDefault="451D41F9" w14:paraId="550AC29E" w14:textId="003C96CB">
      <w:pPr>
        <w:pStyle w:val="Normal"/>
        <w:rPr/>
      </w:pPr>
      <w:r w:rsidR="451D41F9">
        <w:drawing>
          <wp:inline wp14:editId="15F417F7" wp14:anchorId="0F4CE92D">
            <wp:extent cx="1931829" cy="2185888"/>
            <wp:effectExtent l="0" t="0" r="0" b="0"/>
            <wp:docPr id="1624227429" name="" title=""/>
            <wp:cNvGraphicFramePr>
              <a:graphicFrameLocks noChangeAspect="1"/>
            </wp:cNvGraphicFramePr>
            <a:graphic>
              <a:graphicData uri="http://schemas.openxmlformats.org/drawingml/2006/picture">
                <pic:pic>
                  <pic:nvPicPr>
                    <pic:cNvPr id="0" name=""/>
                    <pic:cNvPicPr/>
                  </pic:nvPicPr>
                  <pic:blipFill>
                    <a:blip r:embed="Ra03b2776f6924209">
                      <a:extLst>
                        <a:ext xmlns:a="http://schemas.openxmlformats.org/drawingml/2006/main" uri="{28A0092B-C50C-407E-A947-70E740481C1C}">
                          <a14:useLocalDpi val="0"/>
                        </a:ext>
                      </a:extLst>
                    </a:blip>
                    <a:stretch>
                      <a:fillRect/>
                    </a:stretch>
                  </pic:blipFill>
                  <pic:spPr>
                    <a:xfrm>
                      <a:off x="0" y="0"/>
                      <a:ext cx="1931829" cy="2185888"/>
                    </a:xfrm>
                    <a:prstGeom prst="rect">
                      <a:avLst/>
                    </a:prstGeom>
                  </pic:spPr>
                </pic:pic>
              </a:graphicData>
            </a:graphic>
          </wp:inline>
        </w:drawing>
      </w:r>
      <w:r w:rsidR="451D41F9">
        <w:drawing>
          <wp:inline wp14:editId="035C9F34" wp14:anchorId="0640562B">
            <wp:extent cx="1844200" cy="2209985"/>
            <wp:effectExtent l="0" t="0" r="0" b="0"/>
            <wp:docPr id="1711903654" name="" title=""/>
            <wp:cNvGraphicFramePr>
              <a:graphicFrameLocks noChangeAspect="1"/>
            </wp:cNvGraphicFramePr>
            <a:graphic>
              <a:graphicData uri="http://schemas.openxmlformats.org/drawingml/2006/picture">
                <pic:pic>
                  <pic:nvPicPr>
                    <pic:cNvPr id="0" name=""/>
                    <pic:cNvPicPr/>
                  </pic:nvPicPr>
                  <pic:blipFill>
                    <a:blip r:embed="Rca1c7dd024ad4ab4">
                      <a:extLst>
                        <a:ext xmlns:a="http://schemas.openxmlformats.org/drawingml/2006/main" uri="{28A0092B-C50C-407E-A947-70E740481C1C}">
                          <a14:useLocalDpi val="0"/>
                        </a:ext>
                      </a:extLst>
                    </a:blip>
                    <a:stretch>
                      <a:fillRect/>
                    </a:stretch>
                  </pic:blipFill>
                  <pic:spPr>
                    <a:xfrm>
                      <a:off x="0" y="0"/>
                      <a:ext cx="1844200" cy="2209985"/>
                    </a:xfrm>
                    <a:prstGeom prst="rect">
                      <a:avLst/>
                    </a:prstGeom>
                  </pic:spPr>
                </pic:pic>
              </a:graphicData>
            </a:graphic>
          </wp:inline>
        </w:drawing>
      </w:r>
    </w:p>
    <w:p w:rsidR="203E67D7" w:rsidP="203E67D7" w:rsidRDefault="203E67D7" w14:paraId="77C0E96F" w14:textId="6DBA7A1C">
      <w:pPr>
        <w:pStyle w:val="Normal"/>
        <w:rPr/>
      </w:pPr>
      <w:r w:rsidR="39752BF2">
        <w:rPr/>
        <w:t xml:space="preserve">Within the ASVAPI32.DLL, there </w:t>
      </w:r>
      <w:r w:rsidR="39752BF2">
        <w:rPr/>
        <w:t>is</w:t>
      </w:r>
      <w:r w:rsidR="39752BF2">
        <w:rPr/>
        <w:t xml:space="preserve"> </w:t>
      </w:r>
      <w:r w:rsidR="5E7A4FF8">
        <w:rPr/>
        <w:t xml:space="preserve">certain functions named Reg* that deals </w:t>
      </w:r>
      <w:r w:rsidR="7F27DD5F">
        <w:rPr/>
        <w:t>with Windows</w:t>
      </w:r>
      <w:r w:rsidR="5E7A4FF8">
        <w:rPr/>
        <w:t xml:space="preserve"> Registry, Service/</w:t>
      </w:r>
      <w:r w:rsidR="5E7A4FF8">
        <w:rPr/>
        <w:t>SCManager</w:t>
      </w:r>
      <w:r w:rsidR="5E7A4FF8">
        <w:rPr/>
        <w:t xml:space="preserve"> that deals with the Windows Service Control </w:t>
      </w:r>
      <w:r w:rsidR="2DAD92CA">
        <w:rPr/>
        <w:t xml:space="preserve">Manager. </w:t>
      </w:r>
    </w:p>
    <w:p w:rsidR="2D0C56E7" w:rsidP="2D0C56E7" w:rsidRDefault="2D0C56E7" w14:paraId="25653E74" w14:textId="37C5C0BC">
      <w:pPr>
        <w:pStyle w:val="Normal"/>
        <w:rPr/>
      </w:pPr>
    </w:p>
    <w:p w:rsidR="78BE5451" w:rsidP="2D0C56E7" w:rsidRDefault="78BE5451" w14:paraId="33DF9F96" w14:textId="0612B780">
      <w:pPr>
        <w:pStyle w:val="Normal"/>
        <w:rPr/>
      </w:pPr>
      <w:r w:rsidR="78BE5451">
        <w:rPr/>
        <w:t>Compilati</w:t>
      </w:r>
      <w:r w:rsidR="78BE5451">
        <w:rPr/>
        <w:t>on</w:t>
      </w:r>
      <w:r w:rsidR="78BE5451">
        <w:rPr/>
        <w:t xml:space="preserve"> for the </w:t>
      </w:r>
      <w:r w:rsidR="78BE5451">
        <w:rPr/>
        <w:t>file:</w:t>
      </w:r>
    </w:p>
    <w:p w:rsidR="59C07001" w:rsidP="2D0C56E7" w:rsidRDefault="59C07001" w14:paraId="23543C15" w14:textId="0E5B3876">
      <w:pPr>
        <w:pStyle w:val="Normal"/>
        <w:rPr/>
      </w:pPr>
      <w:r w:rsidR="59C07001">
        <w:drawing>
          <wp:inline wp14:editId="7BAFF3BD" wp14:anchorId="0D4B0240">
            <wp:extent cx="5619752" cy="5943600"/>
            <wp:effectExtent l="0" t="0" r="0" b="0"/>
            <wp:docPr id="1373184750" name="" title=""/>
            <wp:cNvGraphicFramePr>
              <a:graphicFrameLocks noChangeAspect="1"/>
            </wp:cNvGraphicFramePr>
            <a:graphic>
              <a:graphicData uri="http://schemas.openxmlformats.org/drawingml/2006/picture">
                <pic:pic>
                  <pic:nvPicPr>
                    <pic:cNvPr id="0" name=""/>
                    <pic:cNvPicPr/>
                  </pic:nvPicPr>
                  <pic:blipFill>
                    <a:blip r:embed="Ree6eaf65bda94a9b">
                      <a:extLst>
                        <a:ext xmlns:a="http://schemas.openxmlformats.org/drawingml/2006/main" uri="{28A0092B-C50C-407E-A947-70E740481C1C}">
                          <a14:useLocalDpi val="0"/>
                        </a:ext>
                      </a:extLst>
                    </a:blip>
                    <a:stretch>
                      <a:fillRect/>
                    </a:stretch>
                  </pic:blipFill>
                  <pic:spPr>
                    <a:xfrm>
                      <a:off x="0" y="0"/>
                      <a:ext cx="5619752" cy="5943600"/>
                    </a:xfrm>
                    <a:prstGeom prst="rect">
                      <a:avLst/>
                    </a:prstGeom>
                  </pic:spPr>
                </pic:pic>
              </a:graphicData>
            </a:graphic>
          </wp:inline>
        </w:drawing>
      </w:r>
    </w:p>
    <w:p w:rsidR="4C04CD3D" w:rsidP="2D0C56E7" w:rsidRDefault="4C04CD3D" w14:paraId="7808C5CA" w14:textId="643BBE31">
      <w:pPr>
        <w:pStyle w:val="Normal"/>
        <w:rPr/>
      </w:pPr>
      <w:r w:rsidR="4C04CD3D">
        <w:rPr/>
        <w:t>Malicious files tend to generate other files, and in this case the spark.exe must be</w:t>
      </w:r>
      <w:r w:rsidR="5FFA9754">
        <w:rPr/>
        <w:t xml:space="preserve"> clicked on to work. </w:t>
      </w:r>
    </w:p>
    <w:p w:rsidR="4C04CD3D" w:rsidP="2D0C56E7" w:rsidRDefault="4C04CD3D" w14:paraId="2C16115E" w14:textId="7A8A3F41">
      <w:pPr>
        <w:pStyle w:val="Normal"/>
        <w:rPr>
          <w:rFonts w:ascii="Aptos" w:hAnsi="Aptos" w:eastAsia="Aptos" w:cs="Aptos"/>
          <w:noProof w:val="0"/>
          <w:sz w:val="24"/>
          <w:szCs w:val="24"/>
          <w:lang w:val="en-US"/>
        </w:rPr>
      </w:pPr>
      <w:r w:rsidRPr="2D0C56E7" w:rsidR="4C04CD3D">
        <w:rPr>
          <w:rFonts w:ascii="Aptos" w:hAnsi="Aptos" w:eastAsia="Aptos" w:cs="Aptos"/>
          <w:noProof w:val="0"/>
          <w:sz w:val="24"/>
          <w:szCs w:val="24"/>
          <w:lang w:val="en-US"/>
        </w:rPr>
        <w:t xml:space="preserve">The analysis of the imports, we notice that spark.exe has APIs to deal with the Windows Service Control Manager. </w:t>
      </w:r>
      <w:r w:rsidR="406A9C0C">
        <w:rPr/>
        <w:t xml:space="preserve">Starting bytes is </w:t>
      </w:r>
      <w:r w:rsidRPr="2D0C56E7" w:rsidR="406A9C0C">
        <w:rPr>
          <w:rFonts w:ascii="Aptos" w:hAnsi="Aptos" w:eastAsia="Aptos" w:cs="Aptos"/>
          <w:noProof w:val="0"/>
          <w:sz w:val="24"/>
          <w:szCs w:val="24"/>
          <w:lang w:val="en-US"/>
        </w:rPr>
        <w:t xml:space="preserve">4d 5a 90 00, </w:t>
      </w:r>
      <w:r w:rsidRPr="2D0C56E7" w:rsidR="03C9488E">
        <w:rPr>
          <w:rFonts w:ascii="Aptos" w:hAnsi="Aptos" w:eastAsia="Aptos" w:cs="Aptos"/>
          <w:noProof w:val="0"/>
          <w:sz w:val="24"/>
          <w:szCs w:val="24"/>
          <w:lang w:val="en-US"/>
        </w:rPr>
        <w:t>can be used as the signature of the fi</w:t>
      </w:r>
      <w:r w:rsidRPr="2D0C56E7" w:rsidR="03C9488E">
        <w:rPr>
          <w:rFonts w:ascii="Aptos" w:hAnsi="Aptos" w:eastAsia="Aptos" w:cs="Aptos"/>
          <w:noProof w:val="0"/>
          <w:sz w:val="24"/>
          <w:szCs w:val="24"/>
          <w:lang w:val="en-US"/>
        </w:rPr>
        <w:t>le</w:t>
      </w:r>
      <w:r w:rsidRPr="2D0C56E7" w:rsidR="746988BA">
        <w:rPr>
          <w:rFonts w:ascii="Aptos" w:hAnsi="Aptos" w:eastAsia="Aptos" w:cs="Aptos"/>
          <w:noProof w:val="0"/>
          <w:sz w:val="24"/>
          <w:szCs w:val="24"/>
          <w:lang w:val="en-US"/>
        </w:rPr>
        <w:t xml:space="preserve">; </w:t>
      </w:r>
      <w:r w:rsidRPr="2D0C56E7" w:rsidR="746988BA">
        <w:rPr>
          <w:rFonts w:ascii="Aptos" w:hAnsi="Aptos" w:eastAsia="Aptos" w:cs="Aptos"/>
          <w:noProof w:val="0"/>
          <w:sz w:val="24"/>
          <w:szCs w:val="24"/>
          <w:lang w:val="en-US"/>
        </w:rPr>
        <w:t>indic</w:t>
      </w:r>
      <w:r w:rsidRPr="2D0C56E7" w:rsidR="746988BA">
        <w:rPr>
          <w:rFonts w:ascii="Aptos" w:hAnsi="Aptos" w:eastAsia="Aptos" w:cs="Aptos"/>
          <w:noProof w:val="0"/>
          <w:sz w:val="24"/>
          <w:szCs w:val="24"/>
          <w:lang w:val="en-US"/>
        </w:rPr>
        <w:t>ates</w:t>
      </w:r>
      <w:r w:rsidRPr="2D0C56E7" w:rsidR="746988BA">
        <w:rPr>
          <w:rFonts w:ascii="Aptos" w:hAnsi="Aptos" w:eastAsia="Aptos" w:cs="Aptos"/>
          <w:noProof w:val="0"/>
          <w:sz w:val="24"/>
          <w:szCs w:val="24"/>
          <w:lang w:val="en-US"/>
        </w:rPr>
        <w:t xml:space="preserve"> the file is a Portable Executable</w:t>
      </w:r>
    </w:p>
    <w:p w:rsidR="2D0C56E7" w:rsidP="2D0C56E7" w:rsidRDefault="2D0C56E7" w14:paraId="4E09B340" w14:textId="06906979">
      <w:pPr>
        <w:pStyle w:val="Normal"/>
        <w:rPr/>
      </w:pPr>
    </w:p>
    <w:p w:rsidR="2D0C56E7" w:rsidP="2D0C56E7" w:rsidRDefault="2D0C56E7" w14:paraId="7B356EE8" w14:textId="2633CF90">
      <w:pPr>
        <w:pStyle w:val="Normal"/>
        <w:rPr/>
      </w:pPr>
    </w:p>
    <w:p w:rsidR="1A3F78FC" w:rsidP="2D0C56E7" w:rsidRDefault="1A3F78FC" w14:paraId="0FBA0AFF" w14:textId="02D9273E">
      <w:pPr>
        <w:pStyle w:val="Normal"/>
        <w:rPr/>
      </w:pPr>
      <w:r w:rsidR="1A3F78FC">
        <w:drawing>
          <wp:inline wp14:editId="31D06B5E" wp14:anchorId="1C0D99F4">
            <wp:extent cx="6017664" cy="3095625"/>
            <wp:effectExtent l="0" t="0" r="0" b="0"/>
            <wp:docPr id="1998046731" name="" title=""/>
            <wp:cNvGraphicFramePr>
              <a:graphicFrameLocks noChangeAspect="1"/>
            </wp:cNvGraphicFramePr>
            <a:graphic>
              <a:graphicData uri="http://schemas.openxmlformats.org/drawingml/2006/picture">
                <pic:pic>
                  <pic:nvPicPr>
                    <pic:cNvPr id="0" name=""/>
                    <pic:cNvPicPr/>
                  </pic:nvPicPr>
                  <pic:blipFill>
                    <a:blip r:embed="Re2cb517a8d2d4606">
                      <a:extLst>
                        <a:ext xmlns:a="http://schemas.openxmlformats.org/drawingml/2006/main" uri="{28A0092B-C50C-407E-A947-70E740481C1C}">
                          <a14:useLocalDpi val="0"/>
                        </a:ext>
                      </a:extLst>
                    </a:blip>
                    <a:stretch>
                      <a:fillRect/>
                    </a:stretch>
                  </pic:blipFill>
                  <pic:spPr>
                    <a:xfrm>
                      <a:off x="0" y="0"/>
                      <a:ext cx="6017664" cy="3095625"/>
                    </a:xfrm>
                    <a:prstGeom prst="rect">
                      <a:avLst/>
                    </a:prstGeom>
                  </pic:spPr>
                </pic:pic>
              </a:graphicData>
            </a:graphic>
          </wp:inline>
        </w:drawing>
      </w:r>
    </w:p>
    <w:p w:rsidR="04515525" w:rsidP="2D0C56E7" w:rsidRDefault="04515525" w14:paraId="6C1E1F65" w14:textId="6DFF8913">
      <w:pPr>
        <w:pStyle w:val="Normal"/>
        <w:rPr/>
      </w:pPr>
      <w:r w:rsidR="04515525">
        <w:rPr/>
        <w:t xml:space="preserve">Calculate the difference with the start address and end address, we get the size of the file which is 0x051ff. This will be used when extracting </w:t>
      </w:r>
      <w:r w:rsidR="69176355">
        <w:rPr/>
        <w:t xml:space="preserve">rk.sys file within the spark.exe. </w:t>
      </w:r>
    </w:p>
    <w:p w:rsidR="68754056" w:rsidP="2D0C56E7" w:rsidRDefault="68754056" w14:paraId="2365F12B" w14:textId="449BD821">
      <w:pPr>
        <w:pStyle w:val="Normal"/>
        <w:rPr/>
      </w:pPr>
      <w:r w:rsidR="68754056">
        <w:drawing>
          <wp:inline wp14:editId="6123A285" wp14:anchorId="24D19809">
            <wp:extent cx="4914900" cy="4143008"/>
            <wp:effectExtent l="0" t="0" r="0" b="0"/>
            <wp:docPr id="1922144159" name="" title=""/>
            <wp:cNvGraphicFramePr>
              <a:graphicFrameLocks noChangeAspect="1"/>
            </wp:cNvGraphicFramePr>
            <a:graphic>
              <a:graphicData uri="http://schemas.openxmlformats.org/drawingml/2006/picture">
                <pic:pic>
                  <pic:nvPicPr>
                    <pic:cNvPr id="0" name=""/>
                    <pic:cNvPicPr/>
                  </pic:nvPicPr>
                  <pic:blipFill>
                    <a:blip r:embed="Recf236a6e8fd4adc">
                      <a:extLst>
                        <a:ext xmlns:a="http://schemas.openxmlformats.org/drawingml/2006/main" uri="{28A0092B-C50C-407E-A947-70E740481C1C}">
                          <a14:useLocalDpi val="0"/>
                        </a:ext>
                      </a:extLst>
                    </a:blip>
                    <a:stretch>
                      <a:fillRect/>
                    </a:stretch>
                  </pic:blipFill>
                  <pic:spPr>
                    <a:xfrm>
                      <a:off x="0" y="0"/>
                      <a:ext cx="4914900" cy="4143008"/>
                    </a:xfrm>
                    <a:prstGeom prst="rect">
                      <a:avLst/>
                    </a:prstGeom>
                  </pic:spPr>
                </pic:pic>
              </a:graphicData>
            </a:graphic>
          </wp:inline>
        </w:drawing>
      </w:r>
    </w:p>
    <w:p w:rsidR="2D0C56E7" w:rsidP="2D0C56E7" w:rsidRDefault="2D0C56E7" w14:paraId="67845514" w14:textId="6389F71A">
      <w:pPr>
        <w:pStyle w:val="Normal"/>
        <w:rPr/>
      </w:pPr>
    </w:p>
    <w:p w:rsidR="6E6A076B" w:rsidP="2D0C56E7" w:rsidRDefault="6E6A076B" w14:paraId="03032144" w14:textId="4BA352F3">
      <w:pPr>
        <w:pStyle w:val="Normal"/>
        <w:rPr/>
      </w:pPr>
      <w:r w:rsidR="6E6A076B">
        <w:drawing>
          <wp:inline wp14:editId="4C53FB33" wp14:anchorId="6C2B6B97">
            <wp:extent cx="4407336" cy="3291376"/>
            <wp:effectExtent l="0" t="0" r="0" b="0"/>
            <wp:docPr id="1905759849" name="" title=""/>
            <wp:cNvGraphicFramePr>
              <a:graphicFrameLocks noChangeAspect="1"/>
            </wp:cNvGraphicFramePr>
            <a:graphic>
              <a:graphicData uri="http://schemas.openxmlformats.org/drawingml/2006/picture">
                <pic:pic>
                  <pic:nvPicPr>
                    <pic:cNvPr id="0" name=""/>
                    <pic:cNvPicPr/>
                  </pic:nvPicPr>
                  <pic:blipFill>
                    <a:blip r:embed="R4b4caae8922840b9">
                      <a:extLst>
                        <a:ext xmlns:a="http://schemas.openxmlformats.org/drawingml/2006/main" uri="{28A0092B-C50C-407E-A947-70E740481C1C}">
                          <a14:useLocalDpi val="0"/>
                        </a:ext>
                      </a:extLst>
                    </a:blip>
                    <a:stretch>
                      <a:fillRect/>
                    </a:stretch>
                  </pic:blipFill>
                  <pic:spPr>
                    <a:xfrm>
                      <a:off x="0" y="0"/>
                      <a:ext cx="4407336" cy="3291376"/>
                    </a:xfrm>
                    <a:prstGeom prst="rect">
                      <a:avLst/>
                    </a:prstGeom>
                  </pic:spPr>
                </pic:pic>
              </a:graphicData>
            </a:graphic>
          </wp:inline>
        </w:drawing>
      </w:r>
    </w:p>
    <w:p w:rsidR="5EABDED0" w:rsidP="2D0C56E7" w:rsidRDefault="5EABDED0" w14:paraId="74375455" w14:textId="42A21E00">
      <w:pPr>
        <w:pStyle w:val="Normal"/>
        <w:rPr/>
      </w:pPr>
      <w:r w:rsidR="5EABDED0">
        <w:rPr/>
        <w:t>Start by with the spark.exe, and search within the memory for the 4D 5A 90 00 pattern</w:t>
      </w:r>
    </w:p>
    <w:p w:rsidR="2D0C56E7" w:rsidP="2D0C56E7" w:rsidRDefault="2D0C56E7" w14:paraId="716CFCFD" w14:textId="154283B2">
      <w:pPr>
        <w:pStyle w:val="Normal"/>
        <w:rPr/>
      </w:pPr>
    </w:p>
    <w:p w:rsidR="79841E0B" w:rsidP="2D0C56E7" w:rsidRDefault="79841E0B" w14:paraId="59907699" w14:textId="1ACA54F7">
      <w:pPr>
        <w:pStyle w:val="Normal"/>
        <w:rPr/>
      </w:pPr>
      <w:r w:rsidR="79841E0B">
        <w:drawing>
          <wp:inline wp14:editId="54277C9C" wp14:anchorId="48E6E0F8">
            <wp:extent cx="5235392" cy="5524978"/>
            <wp:effectExtent l="0" t="0" r="0" b="0"/>
            <wp:docPr id="1790438769" name="" title=""/>
            <wp:cNvGraphicFramePr>
              <a:graphicFrameLocks noChangeAspect="1"/>
            </wp:cNvGraphicFramePr>
            <a:graphic>
              <a:graphicData uri="http://schemas.openxmlformats.org/drawingml/2006/picture">
                <pic:pic>
                  <pic:nvPicPr>
                    <pic:cNvPr id="0" name=""/>
                    <pic:cNvPicPr/>
                  </pic:nvPicPr>
                  <pic:blipFill>
                    <a:blip r:embed="R358e712fce904df9">
                      <a:extLst>
                        <a:ext xmlns:a="http://schemas.openxmlformats.org/drawingml/2006/main" uri="{28A0092B-C50C-407E-A947-70E740481C1C}">
                          <a14:useLocalDpi val="0"/>
                        </a:ext>
                      </a:extLst>
                    </a:blip>
                    <a:stretch>
                      <a:fillRect/>
                    </a:stretch>
                  </pic:blipFill>
                  <pic:spPr>
                    <a:xfrm>
                      <a:off x="0" y="0"/>
                      <a:ext cx="5235392" cy="5524978"/>
                    </a:xfrm>
                    <a:prstGeom prst="rect">
                      <a:avLst/>
                    </a:prstGeom>
                  </pic:spPr>
                </pic:pic>
              </a:graphicData>
            </a:graphic>
          </wp:inline>
        </w:drawing>
      </w:r>
    </w:p>
    <w:p w:rsidR="58A37706" w:rsidP="2D0C56E7" w:rsidRDefault="58A37706" w14:paraId="0B88E070" w14:textId="3B40CE34">
      <w:pPr>
        <w:pStyle w:val="Normal"/>
        <w:rPr/>
      </w:pPr>
      <w:r w:rsidR="58A37706">
        <w:rPr/>
        <w:t xml:space="preserve">After the calculation from earlier, we </w:t>
      </w:r>
      <w:r w:rsidR="39FD7D69">
        <w:rPr/>
        <w:t>get 0x51FF bytes in size, and then we will select the bytes with the next few steps</w:t>
      </w:r>
      <w:r w:rsidR="75FA6617">
        <w:rPr/>
        <w:t>.</w:t>
      </w:r>
    </w:p>
    <w:p w:rsidR="5FE53586" w:rsidP="2D0C56E7" w:rsidRDefault="5FE53586" w14:paraId="19207AB6" w14:textId="5FDBDF64">
      <w:pPr>
        <w:pStyle w:val="Normal"/>
        <w:rPr/>
      </w:pPr>
      <w:r w:rsidR="5FE53586">
        <w:drawing>
          <wp:inline wp14:editId="232F16EF" wp14:anchorId="3A593137">
            <wp:extent cx="5448300" cy="4601370"/>
            <wp:effectExtent l="0" t="0" r="0" b="0"/>
            <wp:docPr id="1626562113" name="" title=""/>
            <wp:cNvGraphicFramePr>
              <a:graphicFrameLocks noChangeAspect="1"/>
            </wp:cNvGraphicFramePr>
            <a:graphic>
              <a:graphicData uri="http://schemas.openxmlformats.org/drawingml/2006/picture">
                <pic:pic>
                  <pic:nvPicPr>
                    <pic:cNvPr id="0" name=""/>
                    <pic:cNvPicPr/>
                  </pic:nvPicPr>
                  <pic:blipFill>
                    <a:blip r:embed="R88dc7b370b254bc2">
                      <a:extLst>
                        <a:ext xmlns:a="http://schemas.openxmlformats.org/drawingml/2006/main" uri="{28A0092B-C50C-407E-A947-70E740481C1C}">
                          <a14:useLocalDpi val="0"/>
                        </a:ext>
                      </a:extLst>
                    </a:blip>
                    <a:stretch>
                      <a:fillRect/>
                    </a:stretch>
                  </pic:blipFill>
                  <pic:spPr>
                    <a:xfrm>
                      <a:off x="0" y="0"/>
                      <a:ext cx="5448300" cy="4601370"/>
                    </a:xfrm>
                    <a:prstGeom prst="rect">
                      <a:avLst/>
                    </a:prstGeom>
                  </pic:spPr>
                </pic:pic>
              </a:graphicData>
            </a:graphic>
          </wp:inline>
        </w:drawing>
      </w:r>
    </w:p>
    <w:p w:rsidR="15CE6442" w:rsidP="2D0C56E7" w:rsidRDefault="15CE6442" w14:paraId="56C566A9" w14:textId="7A9F3C73">
      <w:pPr>
        <w:pStyle w:val="Normal"/>
        <w:rPr/>
      </w:pPr>
      <w:r w:rsidR="15CE6442">
        <w:rPr/>
        <w:t>Once found we will extract and import</w:t>
      </w:r>
      <w:r w:rsidR="4D6C4A56">
        <w:rPr/>
        <w:t xml:space="preserve">, where the .data file is added to the project with the selected bytes. </w:t>
      </w:r>
    </w:p>
    <w:p w:rsidR="2D0C56E7" w:rsidP="2D0C56E7" w:rsidRDefault="2D0C56E7" w14:paraId="69180252" w14:textId="3ACEBB38">
      <w:pPr>
        <w:pStyle w:val="Normal"/>
        <w:rPr/>
      </w:pPr>
    </w:p>
    <w:p w:rsidR="2D0C56E7" w:rsidP="2D0C56E7" w:rsidRDefault="2D0C56E7" w14:paraId="26A5E476" w14:textId="478CEAFA">
      <w:pPr>
        <w:pStyle w:val="Normal"/>
        <w:rPr/>
      </w:pPr>
    </w:p>
    <w:p w:rsidR="0D998D20" w:rsidP="2D0C56E7" w:rsidRDefault="0D998D20" w14:paraId="58F904E6" w14:textId="2E8CA9EC">
      <w:pPr>
        <w:pStyle w:val="Normal"/>
        <w:rPr/>
      </w:pPr>
      <w:r w:rsidR="0D998D20">
        <w:drawing>
          <wp:inline wp14:editId="2A32A71C" wp14:anchorId="65D9D141">
            <wp:extent cx="2423370" cy="2438612"/>
            <wp:effectExtent l="0" t="0" r="0" b="0"/>
            <wp:docPr id="837097622" name="" title=""/>
            <wp:cNvGraphicFramePr>
              <a:graphicFrameLocks noChangeAspect="1"/>
            </wp:cNvGraphicFramePr>
            <a:graphic>
              <a:graphicData uri="http://schemas.openxmlformats.org/drawingml/2006/picture">
                <pic:pic>
                  <pic:nvPicPr>
                    <pic:cNvPr id="0" name=""/>
                    <pic:cNvPicPr/>
                  </pic:nvPicPr>
                  <pic:blipFill>
                    <a:blip r:embed="R638480b468a54857">
                      <a:extLst>
                        <a:ext xmlns:a="http://schemas.openxmlformats.org/drawingml/2006/main" uri="{28A0092B-C50C-407E-A947-70E740481C1C}">
                          <a14:useLocalDpi val="0"/>
                        </a:ext>
                      </a:extLst>
                    </a:blip>
                    <a:stretch>
                      <a:fillRect/>
                    </a:stretch>
                  </pic:blipFill>
                  <pic:spPr>
                    <a:xfrm>
                      <a:off x="0" y="0"/>
                      <a:ext cx="2423370" cy="2438612"/>
                    </a:xfrm>
                    <a:prstGeom prst="rect">
                      <a:avLst/>
                    </a:prstGeom>
                  </pic:spPr>
                </pic:pic>
              </a:graphicData>
            </a:graphic>
          </wp:inline>
        </w:drawing>
      </w:r>
    </w:p>
    <w:p w:rsidR="201C6317" w:rsidP="2D0C56E7" w:rsidRDefault="201C6317" w14:paraId="2849A074" w14:textId="4417B1CD">
      <w:pPr>
        <w:pStyle w:val="Normal"/>
        <w:rPr/>
      </w:pPr>
      <w:r w:rsidR="201C6317">
        <w:rPr/>
        <w:t xml:space="preserve">Now, we begin to analyze the malware at the main entry of the program. </w:t>
      </w:r>
      <w:r w:rsidR="0BC6B59E">
        <w:rPr/>
        <w:t xml:space="preserve">Open the </w:t>
      </w:r>
      <w:r w:rsidR="0BC6B59E">
        <w:rPr/>
        <w:t>CodeBrowser</w:t>
      </w:r>
      <w:r w:rsidR="3FA2B910">
        <w:rPr/>
        <w:t xml:space="preserve">, and we begin to look for the entry point. </w:t>
      </w:r>
    </w:p>
    <w:p w:rsidR="1B2814A5" w:rsidP="2D0C56E7" w:rsidRDefault="1B2814A5" w14:paraId="54CA451E" w14:textId="143D6163">
      <w:pPr>
        <w:pStyle w:val="Normal"/>
        <w:rPr/>
      </w:pPr>
      <w:r w:rsidR="1B2814A5">
        <w:drawing>
          <wp:inline wp14:editId="181873DD" wp14:anchorId="1AD2FDA0">
            <wp:extent cx="5943600" cy="2905125"/>
            <wp:effectExtent l="0" t="0" r="0" b="0"/>
            <wp:docPr id="1282985660" name="" title=""/>
            <wp:cNvGraphicFramePr>
              <a:graphicFrameLocks noChangeAspect="1"/>
            </wp:cNvGraphicFramePr>
            <a:graphic>
              <a:graphicData uri="http://schemas.openxmlformats.org/drawingml/2006/picture">
                <pic:pic>
                  <pic:nvPicPr>
                    <pic:cNvPr id="0" name=""/>
                    <pic:cNvPicPr/>
                  </pic:nvPicPr>
                  <pic:blipFill>
                    <a:blip r:embed="R69e049e4413146a4">
                      <a:extLst>
                        <a:ext xmlns:a="http://schemas.openxmlformats.org/drawingml/2006/main" uri="{28A0092B-C50C-407E-A947-70E740481C1C}">
                          <a14:useLocalDpi val="0"/>
                        </a:ext>
                      </a:extLst>
                    </a:blip>
                    <a:stretch>
                      <a:fillRect/>
                    </a:stretch>
                  </pic:blipFill>
                  <pic:spPr>
                    <a:xfrm>
                      <a:off x="0" y="0"/>
                      <a:ext cx="5943600" cy="2905125"/>
                    </a:xfrm>
                    <a:prstGeom prst="rect">
                      <a:avLst/>
                    </a:prstGeom>
                  </pic:spPr>
                </pic:pic>
              </a:graphicData>
            </a:graphic>
          </wp:inline>
        </w:drawing>
      </w:r>
    </w:p>
    <w:p w:rsidR="1B2814A5" w:rsidP="2D0C56E7" w:rsidRDefault="1B2814A5" w14:paraId="4B37CE22" w14:textId="75131E55">
      <w:pPr>
        <w:pStyle w:val="Normal"/>
        <w:rPr/>
      </w:pPr>
      <w:r w:rsidR="1B2814A5">
        <w:drawing>
          <wp:inline wp14:editId="63E153F5" wp14:anchorId="310AEFA4">
            <wp:extent cx="5943600" cy="4724398"/>
            <wp:effectExtent l="0" t="0" r="0" b="0"/>
            <wp:docPr id="1695982555" name="" title=""/>
            <wp:cNvGraphicFramePr>
              <a:graphicFrameLocks noChangeAspect="1"/>
            </wp:cNvGraphicFramePr>
            <a:graphic>
              <a:graphicData uri="http://schemas.openxmlformats.org/drawingml/2006/picture">
                <pic:pic>
                  <pic:nvPicPr>
                    <pic:cNvPr id="0" name=""/>
                    <pic:cNvPicPr/>
                  </pic:nvPicPr>
                  <pic:blipFill>
                    <a:blip r:embed="R46f423bc308d4b68">
                      <a:extLst>
                        <a:ext xmlns:a="http://schemas.openxmlformats.org/drawingml/2006/main" uri="{28A0092B-C50C-407E-A947-70E740481C1C}">
                          <a14:useLocalDpi val="0"/>
                        </a:ext>
                      </a:extLst>
                    </a:blip>
                    <a:stretch>
                      <a:fillRect/>
                    </a:stretch>
                  </pic:blipFill>
                  <pic:spPr>
                    <a:xfrm>
                      <a:off x="0" y="0"/>
                      <a:ext cx="5943600" cy="4724398"/>
                    </a:xfrm>
                    <a:prstGeom prst="rect">
                      <a:avLst/>
                    </a:prstGeom>
                  </pic:spPr>
                </pic:pic>
              </a:graphicData>
            </a:graphic>
          </wp:inline>
        </w:drawing>
      </w:r>
    </w:p>
    <w:p w:rsidR="49CB608B" w:rsidP="2D0C56E7" w:rsidRDefault="49CB608B" w14:paraId="0D7C9CEF" w14:textId="0C1A717E">
      <w:pPr>
        <w:pStyle w:val="Normal"/>
        <w:rPr>
          <w:rFonts w:ascii="Aptos" w:hAnsi="Aptos" w:eastAsia="Aptos" w:cs="Aptos"/>
          <w:noProof w:val="0"/>
          <w:sz w:val="24"/>
          <w:szCs w:val="24"/>
          <w:lang w:val="en-US"/>
        </w:rPr>
      </w:pPr>
      <w:r w:rsidR="49CB608B">
        <w:rPr/>
        <w:t xml:space="preserve">From here, we are looking at the </w:t>
      </w:r>
      <w:r w:rsidRPr="2D0C56E7" w:rsidR="49CB608B">
        <w:rPr>
          <w:rFonts w:ascii="Aptos" w:hAnsi="Aptos" w:eastAsia="Aptos" w:cs="Aptos"/>
          <w:noProof w:val="0"/>
          <w:sz w:val="24"/>
          <w:szCs w:val="24"/>
          <w:lang w:val="en-US"/>
        </w:rPr>
        <w:t>__security__</w:t>
      </w:r>
      <w:r w:rsidRPr="2D0C56E7" w:rsidR="49CB608B">
        <w:rPr>
          <w:rFonts w:ascii="Aptos" w:hAnsi="Aptos" w:eastAsia="Aptos" w:cs="Aptos"/>
          <w:noProof w:val="0"/>
          <w:sz w:val="24"/>
          <w:szCs w:val="24"/>
          <w:lang w:val="en-US"/>
        </w:rPr>
        <w:t>init_cookie</w:t>
      </w:r>
      <w:r w:rsidRPr="2D0C56E7" w:rsidR="49CB608B">
        <w:rPr>
          <w:rFonts w:ascii="Aptos" w:hAnsi="Aptos" w:eastAsia="Aptos" w:cs="Aptos"/>
          <w:noProof w:val="0"/>
          <w:sz w:val="24"/>
          <w:szCs w:val="24"/>
          <w:lang w:val="en-US"/>
        </w:rPr>
        <w:t>, and the _</w:t>
      </w:r>
      <w:r w:rsidRPr="2D0C56E7" w:rsidR="49CB608B">
        <w:rPr>
          <w:rFonts w:ascii="Aptos" w:hAnsi="Aptos" w:eastAsia="Aptos" w:cs="Aptos"/>
          <w:noProof w:val="0"/>
          <w:sz w:val="24"/>
          <w:szCs w:val="24"/>
          <w:lang w:val="en-US"/>
        </w:rPr>
        <w:t>tmainCRTStartup</w:t>
      </w:r>
      <w:r w:rsidRPr="2D0C56E7" w:rsidR="49CB608B">
        <w:rPr>
          <w:rFonts w:ascii="Aptos" w:hAnsi="Aptos" w:eastAsia="Aptos" w:cs="Aptos"/>
          <w:noProof w:val="0"/>
          <w:sz w:val="24"/>
          <w:szCs w:val="24"/>
          <w:lang w:val="en-US"/>
        </w:rPr>
        <w:t xml:space="preserve">  functions</w:t>
      </w:r>
      <w:r w:rsidRPr="2D0C56E7" w:rsidR="18D13976">
        <w:rPr>
          <w:rFonts w:ascii="Aptos" w:hAnsi="Aptos" w:eastAsia="Aptos" w:cs="Aptos"/>
          <w:noProof w:val="0"/>
          <w:sz w:val="24"/>
          <w:szCs w:val="24"/>
          <w:lang w:val="en-US"/>
        </w:rPr>
        <w:t>. The _</w:t>
      </w:r>
      <w:r w:rsidRPr="2D0C56E7" w:rsidR="18D13976">
        <w:rPr>
          <w:rFonts w:ascii="Aptos" w:hAnsi="Aptos" w:eastAsia="Aptos" w:cs="Aptos"/>
          <w:noProof w:val="0"/>
          <w:sz w:val="24"/>
          <w:szCs w:val="24"/>
          <w:lang w:val="en-US"/>
        </w:rPr>
        <w:t>security_init_cookie</w:t>
      </w:r>
      <w:r w:rsidRPr="2D0C56E7" w:rsidR="18D13976">
        <w:rPr>
          <w:rFonts w:ascii="Aptos" w:hAnsi="Aptos" w:eastAsia="Aptos" w:cs="Aptos"/>
          <w:noProof w:val="0"/>
          <w:sz w:val="24"/>
          <w:szCs w:val="24"/>
          <w:lang w:val="en-US"/>
        </w:rPr>
        <w:t xml:space="preserve"> </w:t>
      </w:r>
      <w:r w:rsidRPr="2D0C56E7" w:rsidR="454ABFBF">
        <w:rPr>
          <w:rFonts w:ascii="Aptos" w:hAnsi="Aptos" w:eastAsia="Aptos" w:cs="Aptos"/>
          <w:noProof w:val="0"/>
          <w:sz w:val="24"/>
          <w:szCs w:val="24"/>
          <w:lang w:val="en-US"/>
        </w:rPr>
        <w:t xml:space="preserve">is global security cookie used for </w:t>
      </w:r>
      <w:r w:rsidRPr="2D0C56E7" w:rsidR="1271D370">
        <w:rPr>
          <w:rFonts w:ascii="Aptos" w:hAnsi="Aptos" w:eastAsia="Aptos" w:cs="Aptos"/>
          <w:noProof w:val="0"/>
          <w:sz w:val="24"/>
          <w:szCs w:val="24"/>
          <w:lang w:val="en-US"/>
        </w:rPr>
        <w:t xml:space="preserve">exception handling, and buffer </w:t>
      </w:r>
      <w:r w:rsidRPr="2D0C56E7" w:rsidR="7E0D40AE">
        <w:rPr>
          <w:rFonts w:ascii="Aptos" w:hAnsi="Aptos" w:eastAsia="Aptos" w:cs="Aptos"/>
          <w:noProof w:val="0"/>
          <w:sz w:val="24"/>
          <w:szCs w:val="24"/>
          <w:lang w:val="en-US"/>
        </w:rPr>
        <w:t>overrun</w:t>
      </w:r>
      <w:r w:rsidRPr="2D0C56E7" w:rsidR="1271D370">
        <w:rPr>
          <w:rFonts w:ascii="Aptos" w:hAnsi="Aptos" w:eastAsia="Aptos" w:cs="Aptos"/>
          <w:noProof w:val="0"/>
          <w:sz w:val="24"/>
          <w:szCs w:val="24"/>
          <w:lang w:val="en-US"/>
        </w:rPr>
        <w:t xml:space="preserve"> protection in code </w:t>
      </w:r>
      <w:r w:rsidRPr="2D0C56E7" w:rsidR="1271D370">
        <w:rPr>
          <w:rFonts w:ascii="Aptos" w:hAnsi="Aptos" w:eastAsia="Aptos" w:cs="Aptos"/>
          <w:noProof w:val="0"/>
          <w:sz w:val="24"/>
          <w:szCs w:val="24"/>
          <w:lang w:val="en-US"/>
        </w:rPr>
        <w:t>complied with</w:t>
      </w:r>
      <w:r w:rsidRPr="2D0C56E7" w:rsidR="1271D370">
        <w:rPr>
          <w:rFonts w:ascii="Aptos" w:hAnsi="Aptos" w:eastAsia="Aptos" w:cs="Aptos"/>
          <w:noProof w:val="0"/>
          <w:sz w:val="24"/>
          <w:szCs w:val="24"/>
          <w:lang w:val="en-US"/>
        </w:rPr>
        <w:t xml:space="preserve"> the Buffer Security Check. </w:t>
      </w:r>
      <w:r w:rsidRPr="2D0C56E7" w:rsidR="6712B0FE">
        <w:rPr>
          <w:rFonts w:ascii="Aptos" w:hAnsi="Aptos" w:eastAsia="Aptos" w:cs="Aptos"/>
          <w:noProof w:val="0"/>
          <w:sz w:val="24"/>
          <w:szCs w:val="24"/>
          <w:lang w:val="en-US"/>
        </w:rPr>
        <w:t>The _</w:t>
      </w:r>
      <w:r w:rsidRPr="2D0C56E7" w:rsidR="6712B0FE">
        <w:rPr>
          <w:rFonts w:ascii="Aptos" w:hAnsi="Aptos" w:eastAsia="Aptos" w:cs="Aptos"/>
          <w:noProof w:val="0"/>
          <w:sz w:val="24"/>
          <w:szCs w:val="24"/>
          <w:lang w:val="en-US"/>
        </w:rPr>
        <w:t>tmainCRTStartup</w:t>
      </w:r>
      <w:r w:rsidRPr="2D0C56E7" w:rsidR="6712B0FE">
        <w:rPr>
          <w:rFonts w:ascii="Aptos" w:hAnsi="Aptos" w:eastAsia="Aptos" w:cs="Aptos"/>
          <w:noProof w:val="0"/>
          <w:sz w:val="24"/>
          <w:szCs w:val="24"/>
          <w:lang w:val="en-US"/>
        </w:rPr>
        <w:t xml:space="preserve"> is an entry point function responsible for performing </w:t>
      </w:r>
      <w:r w:rsidRPr="2D0C56E7" w:rsidR="6712B0FE">
        <w:rPr>
          <w:rFonts w:ascii="Aptos" w:hAnsi="Aptos" w:eastAsia="Aptos" w:cs="Aptos"/>
          <w:noProof w:val="0"/>
          <w:sz w:val="24"/>
          <w:szCs w:val="24"/>
          <w:lang w:val="en-US"/>
        </w:rPr>
        <w:t>inintalization</w:t>
      </w:r>
      <w:r w:rsidRPr="2D0C56E7" w:rsidR="6712B0FE">
        <w:rPr>
          <w:rFonts w:ascii="Aptos" w:hAnsi="Aptos" w:eastAsia="Aptos" w:cs="Aptos"/>
          <w:noProof w:val="0"/>
          <w:sz w:val="24"/>
          <w:szCs w:val="24"/>
          <w:lang w:val="en-US"/>
        </w:rPr>
        <w:t xml:space="preserve"> tasks before the </w:t>
      </w:r>
      <w:r w:rsidRPr="2D0C56E7" w:rsidR="6712B0FE">
        <w:rPr>
          <w:rFonts w:ascii="Aptos" w:hAnsi="Aptos" w:eastAsia="Aptos" w:cs="Aptos"/>
          <w:noProof w:val="0"/>
          <w:sz w:val="24"/>
          <w:szCs w:val="24"/>
          <w:lang w:val="en-US"/>
        </w:rPr>
        <w:t>main(</w:t>
      </w:r>
      <w:r w:rsidRPr="2D0C56E7" w:rsidR="6712B0FE">
        <w:rPr>
          <w:rFonts w:ascii="Aptos" w:hAnsi="Aptos" w:eastAsia="Aptos" w:cs="Aptos"/>
          <w:noProof w:val="0"/>
          <w:sz w:val="24"/>
          <w:szCs w:val="24"/>
          <w:lang w:val="en-US"/>
        </w:rPr>
        <w:t>) functions is called</w:t>
      </w:r>
      <w:r w:rsidRPr="2D0C56E7" w:rsidR="79C24208">
        <w:rPr>
          <w:rFonts w:ascii="Aptos" w:hAnsi="Aptos" w:eastAsia="Aptos" w:cs="Aptos"/>
          <w:noProof w:val="0"/>
          <w:sz w:val="24"/>
          <w:szCs w:val="24"/>
          <w:lang w:val="en-US"/>
        </w:rPr>
        <w:t>.</w:t>
      </w:r>
    </w:p>
    <w:p w:rsidR="2D0C56E7" w:rsidP="2D0C56E7" w:rsidRDefault="2D0C56E7" w14:paraId="2471B82D" w14:textId="6B3D9DD0">
      <w:pPr>
        <w:pStyle w:val="Normal"/>
        <w:rPr>
          <w:rFonts w:ascii="Aptos" w:hAnsi="Aptos" w:eastAsia="Aptos" w:cs="Aptos"/>
          <w:noProof w:val="0"/>
          <w:sz w:val="24"/>
          <w:szCs w:val="24"/>
          <w:lang w:val="en-US"/>
        </w:rPr>
      </w:pPr>
    </w:p>
    <w:p w:rsidR="12C47050" w:rsidP="67C5D71E" w:rsidRDefault="12C47050" w14:paraId="00C1CED6" w14:textId="0E0075A0">
      <w:pPr>
        <w:pStyle w:val="Normal"/>
      </w:pPr>
      <w:r w:rsidR="12C47050">
        <w:rPr/>
        <w:t>Part 1 Submission: 3/12</w:t>
      </w:r>
    </w:p>
    <w:p w:rsidR="6022D49E" w:rsidP="67C5D71E" w:rsidRDefault="6022D49E" w14:paraId="4E724E6D" w14:textId="5414D7BF">
      <w:pPr>
        <w:pStyle w:val="Normal"/>
      </w:pPr>
      <w:r w:rsidR="6022D49E">
        <w:rPr/>
        <w:t>Ghidra</w:t>
      </w:r>
      <w:r w:rsidR="6022D49E">
        <w:rPr/>
        <w:t xml:space="preserve"> Function – </w:t>
      </w:r>
      <w:r w:rsidR="6022D49E">
        <w:rPr/>
        <w:t>Memor</w:t>
      </w:r>
      <w:r w:rsidR="6022D49E">
        <w:rPr/>
        <w:t>y Map</w:t>
      </w:r>
    </w:p>
    <w:p w:rsidR="1351D75F" w:rsidP="67C5D71E" w:rsidRDefault="1351D75F" w14:paraId="61DB4224" w14:textId="3A05F10B">
      <w:pPr>
        <w:pStyle w:val="Normal"/>
      </w:pPr>
      <w:r w:rsidR="1351D75F">
        <w:rPr/>
        <w:t>Memory maps allow you to see memory blocks of the binary and the associated permissions</w:t>
      </w:r>
      <w:r w:rsidR="56E62606">
        <w:rPr/>
        <w:t xml:space="preserve">. In this case, we are looking at the </w:t>
      </w:r>
      <w:r w:rsidR="56E62606">
        <w:rPr/>
        <w:t>WinMain</w:t>
      </w:r>
      <w:r w:rsidR="56E62606">
        <w:rPr/>
        <w:t xml:space="preserve"> function from the Spark.exe</w:t>
      </w:r>
    </w:p>
    <w:p w:rsidR="6022D49E" w:rsidP="67C5D71E" w:rsidRDefault="6022D49E" w14:paraId="1AA791B0" w14:textId="25632444">
      <w:pPr>
        <w:pStyle w:val="Normal"/>
      </w:pPr>
      <w:r w:rsidR="6022D49E">
        <w:drawing>
          <wp:inline wp14:editId="69EC2529" wp14:anchorId="3CA797E4">
            <wp:extent cx="5943600" cy="2800350"/>
            <wp:effectExtent l="0" t="0" r="0" b="0"/>
            <wp:docPr id="1800108132" name="" title=""/>
            <wp:cNvGraphicFramePr>
              <a:graphicFrameLocks noChangeAspect="1"/>
            </wp:cNvGraphicFramePr>
            <a:graphic>
              <a:graphicData uri="http://schemas.openxmlformats.org/drawingml/2006/picture">
                <pic:pic>
                  <pic:nvPicPr>
                    <pic:cNvPr id="0" name=""/>
                    <pic:cNvPicPr/>
                  </pic:nvPicPr>
                  <pic:blipFill>
                    <a:blip r:embed="R7aa16fae931f42c0">
                      <a:extLst>
                        <a:ext xmlns:a="http://schemas.openxmlformats.org/drawingml/2006/main" uri="{28A0092B-C50C-407E-A947-70E740481C1C}">
                          <a14:useLocalDpi val="0"/>
                        </a:ext>
                      </a:extLst>
                    </a:blip>
                    <a:stretch>
                      <a:fillRect/>
                    </a:stretch>
                  </pic:blipFill>
                  <pic:spPr>
                    <a:xfrm>
                      <a:off x="0" y="0"/>
                      <a:ext cx="5943600" cy="2800350"/>
                    </a:xfrm>
                    <a:prstGeom prst="rect">
                      <a:avLst/>
                    </a:prstGeom>
                  </pic:spPr>
                </pic:pic>
              </a:graphicData>
            </a:graphic>
          </wp:inline>
        </w:drawing>
      </w:r>
    </w:p>
    <w:p w:rsidR="2D0C56E7" w:rsidP="2D0C56E7" w:rsidRDefault="2D0C56E7" w14:paraId="0D16D07B" w14:textId="42E890B5">
      <w:pPr>
        <w:pStyle w:val="Normal"/>
      </w:pPr>
    </w:p>
    <w:p w:rsidR="67C5D71E" w:rsidP="67C5D71E" w:rsidRDefault="67C5D71E" w14:paraId="4EEBF26A" w14:textId="0C63DF9E">
      <w:pPr>
        <w:pStyle w:val="Normal"/>
      </w:pPr>
    </w:p>
    <w:p w:rsidR="67C5D71E" w:rsidP="67C5D71E" w:rsidRDefault="67C5D71E" w14:paraId="4ECC97D3" w14:textId="1A9E0BAD">
      <w:pPr>
        <w:pStyle w:val="Normal"/>
      </w:pPr>
    </w:p>
    <w:p w:rsidR="67C5D71E" w:rsidP="67C5D71E" w:rsidRDefault="67C5D71E" w14:paraId="48507700" w14:textId="1D533510">
      <w:pPr>
        <w:pStyle w:val="Normal"/>
      </w:pPr>
    </w:p>
    <w:p w:rsidR="67C5D71E" w:rsidP="67C5D71E" w:rsidRDefault="67C5D71E" w14:paraId="52BF8F29" w14:textId="7AC66F90">
      <w:pPr>
        <w:pStyle w:val="Normal"/>
      </w:pPr>
    </w:p>
    <w:p w:rsidR="6BCA6D52" w:rsidP="6BCA6D52" w:rsidRDefault="6BCA6D52" w14:paraId="1EA024AD" w14:textId="77300DC8">
      <w:pPr>
        <w:pStyle w:val="Normal"/>
      </w:pPr>
      <w:r w:rsidR="5628F747">
        <w:rPr/>
        <w:t xml:space="preserve">Final Submission: </w:t>
      </w:r>
    </w:p>
    <w:p w:rsidR="31CA5B92" w:rsidP="67C5D71E" w:rsidRDefault="31CA5B92" w14:paraId="41E4386D" w14:textId="3BDDEA92">
      <w:pPr>
        <w:pStyle w:val="Normal"/>
        <w:ind w:left="0"/>
      </w:pPr>
      <w:r w:rsidR="4B66C6D4">
        <w:drawing>
          <wp:inline wp14:editId="0831C5DE" wp14:anchorId="5062564E">
            <wp:extent cx="5943600" cy="3028950"/>
            <wp:effectExtent l="0" t="0" r="0" b="0"/>
            <wp:docPr id="1816061148" name="" title=""/>
            <wp:cNvGraphicFramePr>
              <a:graphicFrameLocks noChangeAspect="1"/>
            </wp:cNvGraphicFramePr>
            <a:graphic>
              <a:graphicData uri="http://schemas.openxmlformats.org/drawingml/2006/picture">
                <pic:pic>
                  <pic:nvPicPr>
                    <pic:cNvPr id="0" name=""/>
                    <pic:cNvPicPr/>
                  </pic:nvPicPr>
                  <pic:blipFill>
                    <a:blip r:embed="Re97861fed5c14dfd">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3028950"/>
                    </a:xfrm>
                    <a:prstGeom prst="rect">
                      <a:avLst/>
                    </a:prstGeom>
                  </pic:spPr>
                </pic:pic>
              </a:graphicData>
            </a:graphic>
          </wp:inline>
        </w:drawing>
      </w:r>
    </w:p>
    <w:p w:rsidR="31CA5B92" w:rsidP="67C5D71E" w:rsidRDefault="31CA5B92" w14:paraId="75F6C275" w14:textId="4E57DA36">
      <w:pPr>
        <w:pStyle w:val="Normal"/>
        <w:ind w:left="0"/>
      </w:pPr>
      <w:r w:rsidR="31CA5B92">
        <w:rPr/>
        <w:t>Listing for Spark.exe</w:t>
      </w:r>
      <w:r w:rsidR="349B0C2B">
        <w:rPr/>
        <w:t>. View of the program's binary code represented as assembly language instructions.</w:t>
      </w:r>
    </w:p>
    <w:p w:rsidR="31CA5B92" w:rsidP="6BCA6D52" w:rsidRDefault="31CA5B92" w14:paraId="024B0C8C" w14:textId="781C67DB">
      <w:pPr>
        <w:pStyle w:val="Normal"/>
      </w:pPr>
      <w:r w:rsidR="31CA5B92">
        <w:rPr/>
        <w:t xml:space="preserve">        00455f6c 8d bd 28        LEA        EDI=&gt;local_dc,[EBP + 0xffffff28]</w:t>
      </w:r>
    </w:p>
    <w:p w:rsidR="31CA5B92" w:rsidP="6BCA6D52" w:rsidRDefault="31CA5B92" w14:paraId="058481AC" w14:textId="03CFD64B">
      <w:pPr>
        <w:pStyle w:val="Normal"/>
      </w:pPr>
      <w:r w:rsidR="31CA5B92">
        <w:rPr/>
        <w:t xml:space="preserve">                 ff ff ff</w:t>
      </w:r>
    </w:p>
    <w:p w:rsidR="31CA5B92" w:rsidP="6BCA6D52" w:rsidRDefault="31CA5B92" w14:paraId="3BCC2756" w14:textId="010029C4">
      <w:pPr>
        <w:pStyle w:val="Normal"/>
      </w:pPr>
      <w:r w:rsidR="31CA5B92">
        <w:rPr/>
        <w:t xml:space="preserve">        00455f72 b9 36 00        MOV        ECX,0x36</w:t>
      </w:r>
    </w:p>
    <w:p w:rsidR="31CA5B92" w:rsidP="6BCA6D52" w:rsidRDefault="31CA5B92" w14:paraId="0345E778" w14:textId="0867CFEE">
      <w:pPr>
        <w:pStyle w:val="Normal"/>
      </w:pPr>
      <w:r w:rsidR="31CA5B92">
        <w:rPr/>
        <w:t xml:space="preserve">                 00 00</w:t>
      </w:r>
    </w:p>
    <w:p w:rsidR="31CA5B92" w:rsidP="6BCA6D52" w:rsidRDefault="31CA5B92" w14:paraId="3EF5D6F9" w14:textId="1A1E534B">
      <w:pPr>
        <w:pStyle w:val="Normal"/>
      </w:pPr>
      <w:r w:rsidR="31CA5B92">
        <w:rPr/>
        <w:t xml:space="preserve">        00455f77 b8 cc cc        MOV        EAX,0xcccccccc</w:t>
      </w:r>
    </w:p>
    <w:p w:rsidR="31CA5B92" w:rsidP="6BCA6D52" w:rsidRDefault="31CA5B92" w14:paraId="3F7A00B8" w14:textId="32C46C57">
      <w:pPr>
        <w:pStyle w:val="Normal"/>
      </w:pPr>
      <w:r w:rsidR="31CA5B92">
        <w:rPr/>
        <w:t xml:space="preserve">                 cc cc</w:t>
      </w:r>
    </w:p>
    <w:p w:rsidR="31CA5B92" w:rsidP="6BCA6D52" w:rsidRDefault="31CA5B92" w14:paraId="1D5334FE" w14:textId="62B5E297">
      <w:pPr>
        <w:pStyle w:val="Normal"/>
      </w:pPr>
      <w:r w:rsidR="31CA5B92">
        <w:rPr/>
        <w:t xml:space="preserve">        00455f7c f3 ab           STOSD.REP  ES:EDI</w:t>
      </w:r>
    </w:p>
    <w:p w:rsidR="31CA5B92" w:rsidP="6BCA6D52" w:rsidRDefault="31CA5B92" w14:paraId="71A4081A" w14:textId="17D10CCB">
      <w:pPr>
        <w:pStyle w:val="Normal"/>
      </w:pPr>
      <w:r w:rsidR="31CA5B92">
        <w:rPr/>
        <w:t xml:space="preserve">        00455f7e e8 92 23        CALL       intantiateAndPersistToAppData                    undefined intantiateAndPersistTo</w:t>
      </w:r>
    </w:p>
    <w:p w:rsidR="31CA5B92" w:rsidP="6BCA6D52" w:rsidRDefault="31CA5B92" w14:paraId="67444EA2" w14:textId="01BDDFEC">
      <w:pPr>
        <w:pStyle w:val="Normal"/>
      </w:pPr>
      <w:r w:rsidR="31CA5B92">
        <w:rPr/>
        <w:t xml:space="preserve">                 ff ff</w:t>
      </w:r>
    </w:p>
    <w:p w:rsidR="31CA5B92" w:rsidP="6BCA6D52" w:rsidRDefault="31CA5B92" w14:paraId="024DAF60" w14:textId="365D2181">
      <w:pPr>
        <w:pStyle w:val="Normal"/>
      </w:pPr>
      <w:r w:rsidR="31CA5B92">
        <w:rPr/>
        <w:t xml:space="preserve">        00455f89 e8 12 1b        CALL       cleanPreviousInfections                          undefined cleanPreviousInfection</w:t>
      </w:r>
    </w:p>
    <w:p w:rsidR="31CA5B92" w:rsidP="6BCA6D52" w:rsidRDefault="31CA5B92" w14:paraId="4948AF65" w14:textId="06680FD9">
      <w:pPr>
        <w:pStyle w:val="Normal"/>
      </w:pPr>
      <w:r w:rsidR="31CA5B92">
        <w:rPr/>
        <w:t xml:space="preserve">                 ff ff</w:t>
      </w:r>
    </w:p>
    <w:p w:rsidR="31CA5B92" w:rsidP="6BCA6D52" w:rsidRDefault="31CA5B92" w14:paraId="70FDAA2F" w14:textId="4AED67B6">
      <w:pPr>
        <w:pStyle w:val="Normal"/>
      </w:pPr>
      <w:r w:rsidR="31CA5B92">
        <w:rPr/>
        <w:t xml:space="preserve">        00455f8e e8 57 2b        CALL       declareSparkPipe                                 undefined declareSparkPipe(void)</w:t>
      </w:r>
    </w:p>
    <w:p w:rsidR="31CA5B92" w:rsidP="6BCA6D52" w:rsidRDefault="31CA5B92" w14:paraId="31F2AF80" w14:textId="1BA8BB8E">
      <w:pPr>
        <w:pStyle w:val="Normal"/>
      </w:pPr>
      <w:r w:rsidR="31CA5B92">
        <w:rPr/>
        <w:t xml:space="preserve">                 ff ff</w:t>
      </w:r>
    </w:p>
    <w:p w:rsidR="31CA5B92" w:rsidP="6BCA6D52" w:rsidRDefault="31CA5B92" w14:paraId="7907267A" w14:textId="1A720F4D">
      <w:pPr>
        <w:pStyle w:val="Normal"/>
      </w:pPr>
      <w:r w:rsidR="31CA5B92">
        <w:rPr/>
        <w:t xml:space="preserve">        00455f96 e8 1f 15        CALL       setupC&amp;C                                         undefined setupC&amp;C(void)</w:t>
      </w:r>
    </w:p>
    <w:p w:rsidR="31CA5B92" w:rsidP="6BCA6D52" w:rsidRDefault="31CA5B92" w14:paraId="0DB83A49" w14:textId="294CA98E">
      <w:pPr>
        <w:pStyle w:val="Normal"/>
      </w:pPr>
      <w:r w:rsidR="31CA5B92">
        <w:rPr/>
        <w:t xml:space="preserve">                 ff ff</w:t>
      </w:r>
    </w:p>
    <w:p w:rsidR="31CA5B92" w:rsidP="6BCA6D52" w:rsidRDefault="31CA5B92" w14:paraId="0A2A9FFC" w14:textId="174A21BD">
      <w:pPr>
        <w:pStyle w:val="Normal"/>
      </w:pPr>
      <w:r w:rsidR="31CA5B92">
        <w:rPr/>
        <w:t xml:space="preserve">        00455f9e e8 10 17        CALL       persistenceThread                                void persistenceThread(HANDLE * </w:t>
      </w:r>
    </w:p>
    <w:p w:rsidR="31CA5B92" w:rsidP="6BCA6D52" w:rsidRDefault="31CA5B92" w14:paraId="088AB1AC" w14:textId="74F27CD4">
      <w:pPr>
        <w:pStyle w:val="Normal"/>
      </w:pPr>
      <w:r w:rsidR="31CA5B92">
        <w:rPr/>
        <w:t xml:space="preserve">                 ff ff</w:t>
      </w:r>
    </w:p>
    <w:p w:rsidR="31CA5B92" w:rsidP="6BCA6D52" w:rsidRDefault="31CA5B92" w14:paraId="0EF8CEB2" w14:textId="3BE0851A">
      <w:pPr>
        <w:pStyle w:val="Normal"/>
      </w:pPr>
      <w:r w:rsidR="31CA5B92">
        <w:rPr/>
        <w:t xml:space="preserve">        00455fa3 e8 29 12        CALL       installRootkit                                   undefined installRootkit(void)</w:t>
      </w:r>
    </w:p>
    <w:p w:rsidR="31CA5B92" w:rsidP="6BCA6D52" w:rsidRDefault="31CA5B92" w14:paraId="7A3B68F7" w14:textId="2EF86785">
      <w:pPr>
        <w:pStyle w:val="Normal"/>
      </w:pPr>
      <w:r w:rsidR="31CA5B92">
        <w:rPr/>
        <w:t xml:space="preserve">                 ff ff</w:t>
      </w:r>
    </w:p>
    <w:p w:rsidR="31CA5B92" w:rsidP="6BCA6D52" w:rsidRDefault="31CA5B92" w14:paraId="1478F103" w14:textId="48ADC41B">
      <w:pPr>
        <w:pStyle w:val="Normal"/>
      </w:pPr>
      <w:r w:rsidR="31CA5B92">
        <w:rPr/>
        <w:t xml:space="preserve">        00455fa8 e8 20 2a        CALL       explorerPersistence                              undefined explorerPersistence(vo</w:t>
      </w:r>
    </w:p>
    <w:p w:rsidR="31CA5B92" w:rsidP="6BCA6D52" w:rsidRDefault="31CA5B92" w14:paraId="23A057F6" w14:textId="025BCA7D">
      <w:pPr>
        <w:pStyle w:val="Normal"/>
      </w:pPr>
      <w:r w:rsidR="31CA5B92">
        <w:rPr/>
        <w:t xml:space="preserve">                 ff ff</w:t>
      </w:r>
    </w:p>
    <w:p w:rsidR="31CA5B92" w:rsidP="6BCA6D52" w:rsidRDefault="31CA5B92" w14:paraId="4EF6209D" w14:textId="176906DD">
      <w:pPr>
        <w:pStyle w:val="Normal"/>
      </w:pPr>
      <w:r w:rsidR="31CA5B92">
        <w:rPr/>
        <w:t xml:space="preserve">        00455fad e8 5f 13        CALL       C&amp;Ccommunication                                 undefined C&amp;Ccommunication(void)</w:t>
      </w:r>
    </w:p>
    <w:p w:rsidR="31CA5B92" w:rsidP="6BCA6D52" w:rsidRDefault="31CA5B92" w14:paraId="1F43D0FC" w14:textId="02EC05A4">
      <w:pPr>
        <w:pStyle w:val="Normal"/>
      </w:pPr>
      <w:r w:rsidR="31CA5B92">
        <w:rPr/>
        <w:t xml:space="preserve">                 ff ff</w:t>
      </w:r>
    </w:p>
    <w:p w:rsidR="31CA5B92" w:rsidP="6BCA6D52" w:rsidRDefault="31CA5B92" w14:paraId="62A47C84" w14:textId="3EC30A4D">
      <w:pPr>
        <w:pStyle w:val="Normal"/>
      </w:pPr>
      <w:r w:rsidR="31CA5B92">
        <w:rPr/>
        <w:t xml:space="preserve">        00455fb2 e8 80 2e        CALL       mathAlgorithm                                    undefined mathAlgorithm(void)</w:t>
      </w:r>
    </w:p>
    <w:p w:rsidR="31CA5B92" w:rsidP="6BCA6D52" w:rsidRDefault="31CA5B92" w14:paraId="2AE3742C" w14:textId="0E485222">
      <w:pPr>
        <w:pStyle w:val="Normal"/>
      </w:pPr>
      <w:r w:rsidR="31CA5B92">
        <w:rPr/>
        <w:t xml:space="preserve">                 ff ff</w:t>
      </w:r>
    </w:p>
    <w:p w:rsidR="31CA5B92" w:rsidP="6BCA6D52" w:rsidRDefault="31CA5B92" w14:paraId="3D8E8FED" w14:textId="33CF2913">
      <w:pPr>
        <w:pStyle w:val="Normal"/>
      </w:pPr>
      <w:r w:rsidR="31CA5B92">
        <w:rPr/>
        <w:t xml:space="preserve">        00455fb9 e8 ec 1a        CALL       thunk_FUN_0046b4b0                               undefined thunk_FUN_0046b4b0(voi</w:t>
      </w:r>
    </w:p>
    <w:p w:rsidR="31CA5B92" w:rsidP="6BCA6D52" w:rsidRDefault="31CA5B92" w14:paraId="16B96F08" w14:textId="6FE327DF">
      <w:pPr>
        <w:pStyle w:val="Normal"/>
      </w:pPr>
      <w:r w:rsidR="31CA5B92">
        <w:rPr/>
        <w:t xml:space="preserve">                 ff ff</w:t>
      </w:r>
    </w:p>
    <w:p w:rsidR="31CA5B92" w:rsidP="6BCA6D52" w:rsidRDefault="31CA5B92" w14:paraId="1A961B07" w14:textId="444A404F">
      <w:pPr>
        <w:pStyle w:val="Normal"/>
      </w:pPr>
      <w:r w:rsidR="31CA5B92">
        <w:rPr/>
        <w:t xml:space="preserve">        00455fcb e8 d9 25        CALL       __RTC_CheckEsp                                   undefined __RTC_CheckEsp()</w:t>
      </w:r>
    </w:p>
    <w:p w:rsidR="31CA5B92" w:rsidP="6BCA6D52" w:rsidRDefault="31CA5B92" w14:paraId="187515D6" w14:textId="454B7E34">
      <w:pPr>
        <w:pStyle w:val="Normal"/>
      </w:pPr>
      <w:r w:rsidR="31CA5B92">
        <w:rPr/>
        <w:t xml:space="preserve">                 ff ff</w:t>
      </w:r>
    </w:p>
    <w:p w:rsidR="31CA5B92" w:rsidP="6BCA6D52" w:rsidRDefault="31CA5B92" w14:paraId="7971D9BD" w14:textId="1D137944">
      <w:pPr>
        <w:pStyle w:val="Normal"/>
      </w:pPr>
      <w:r w:rsidR="31CA5B92">
        <w:rPr/>
        <w:t xml:space="preserve">        00455fd3 c2 10 00        RET        0x10</w:t>
      </w:r>
    </w:p>
    <w:p w:rsidR="6BCA6D52" w:rsidP="6BCA6D52" w:rsidRDefault="6BCA6D52" w14:paraId="4997A403" w14:textId="12F24A5F">
      <w:pPr>
        <w:pStyle w:val="Normal"/>
      </w:pPr>
    </w:p>
    <w:p w:rsidR="33E02876" w:rsidP="6BCA6D52" w:rsidRDefault="33E02876" w14:paraId="51868B36" w14:textId="19938EF8">
      <w:pPr>
        <w:pStyle w:val="Normal"/>
      </w:pPr>
      <w:r w:rsidR="33E02876">
        <w:rPr/>
        <w:t xml:space="preserve">Decompile </w:t>
      </w:r>
      <w:r w:rsidR="6214BB33">
        <w:rPr/>
        <w:t xml:space="preserve">for </w:t>
      </w:r>
      <w:r w:rsidR="6214BB33">
        <w:rPr/>
        <w:t>WinMain</w:t>
      </w:r>
      <w:r w:rsidR="226FAD43">
        <w:rPr/>
        <w:t>. Process of converting machine code or assembly language instructions into a high-level programming language representation</w:t>
      </w:r>
    </w:p>
    <w:p w:rsidR="447BB0CB" w:rsidP="67C5D71E" w:rsidRDefault="447BB0CB" w14:paraId="2462E550" w14:textId="7B68C002">
      <w:pPr>
        <w:pStyle w:val="Normal"/>
      </w:pPr>
      <w:r w:rsidR="447BB0CB">
        <w:rPr/>
        <w:t>Malware.c</w:t>
      </w:r>
      <w:r w:rsidR="447BB0CB">
        <w:rPr/>
        <w:t xml:space="preserve"> (after Exporting the current function to C in Ghidra)</w:t>
      </w:r>
    </w:p>
    <w:p w:rsidR="33E02876" w:rsidP="6BCA6D52" w:rsidRDefault="33E02876" w14:paraId="48EED393" w14:textId="0F20D790">
      <w:pPr>
        <w:pStyle w:val="Normal"/>
      </w:pPr>
      <w:r w:rsidR="33E02876">
        <w:rPr/>
        <w:t>int WinMain(HINSTANCE hInstance,HINSTANCE hPrevInstance,LPSTR lpCmdLine,int nShowCmd)</w:t>
      </w:r>
    </w:p>
    <w:p w:rsidR="33E02876" w:rsidP="6BCA6D52" w:rsidRDefault="33E02876" w14:paraId="34B7CC32" w14:textId="585A86DA">
      <w:pPr>
        <w:pStyle w:val="Normal"/>
      </w:pPr>
      <w:r w:rsidR="33E02876">
        <w:rPr/>
        <w:t xml:space="preserve"> </w:t>
      </w:r>
    </w:p>
    <w:p w:rsidR="33E02876" w:rsidP="6BCA6D52" w:rsidRDefault="33E02876" w14:paraId="1CCAA49B" w14:textId="14E44B7A">
      <w:pPr>
        <w:pStyle w:val="Normal"/>
      </w:pPr>
      <w:r w:rsidR="33E02876">
        <w:rPr/>
        <w:t>{</w:t>
      </w:r>
    </w:p>
    <w:p w:rsidR="33E02876" w:rsidP="6BCA6D52" w:rsidRDefault="33E02876" w14:paraId="134E3650" w14:textId="6207E138">
      <w:pPr>
        <w:pStyle w:val="Normal"/>
      </w:pPr>
      <w:r w:rsidR="33E02876">
        <w:rPr/>
        <w:t xml:space="preserve">  void *pvVar1;</w:t>
      </w:r>
    </w:p>
    <w:p w:rsidR="33E02876" w:rsidP="6BCA6D52" w:rsidRDefault="33E02876" w14:paraId="0386AE6C" w14:textId="16E95E44">
      <w:pPr>
        <w:pStyle w:val="Normal"/>
      </w:pPr>
      <w:r w:rsidR="33E02876">
        <w:rPr/>
        <w:t xml:space="preserve">  int iVar2;</w:t>
      </w:r>
    </w:p>
    <w:p w:rsidR="33E02876" w:rsidP="6BCA6D52" w:rsidRDefault="33E02876" w14:paraId="721913D0" w14:textId="5D0701F6">
      <w:pPr>
        <w:pStyle w:val="Normal"/>
      </w:pPr>
      <w:r w:rsidR="33E02876">
        <w:rPr/>
        <w:t xml:space="preserve">  undefined4 *puVar3;</w:t>
      </w:r>
    </w:p>
    <w:p w:rsidR="33E02876" w:rsidP="6BCA6D52" w:rsidRDefault="33E02876" w14:paraId="46ACDE08" w14:textId="2BEB9E6A">
      <w:pPr>
        <w:pStyle w:val="Normal"/>
      </w:pPr>
      <w:r w:rsidR="33E02876">
        <w:rPr/>
        <w:t xml:space="preserve">  undefined4 local_dc [49];</w:t>
      </w:r>
    </w:p>
    <w:p w:rsidR="33E02876" w:rsidP="6BCA6D52" w:rsidRDefault="33E02876" w14:paraId="3603BAAE" w14:textId="42D8FF38">
      <w:pPr>
        <w:pStyle w:val="Normal"/>
      </w:pPr>
      <w:r w:rsidR="33E02876">
        <w:rPr/>
        <w:t xml:space="preserve">  HANDLE *local_18;</w:t>
      </w:r>
    </w:p>
    <w:p w:rsidR="33E02876" w:rsidP="6BCA6D52" w:rsidRDefault="33E02876" w14:paraId="63763237" w14:textId="31E539A0">
      <w:pPr>
        <w:pStyle w:val="Normal"/>
      </w:pPr>
      <w:r w:rsidR="33E02876">
        <w:rPr/>
        <w:t xml:space="preserve">  undefined4 local_c;</w:t>
      </w:r>
    </w:p>
    <w:p w:rsidR="33E02876" w:rsidP="6BCA6D52" w:rsidRDefault="33E02876" w14:paraId="2D998C94" w14:textId="352C10F9">
      <w:pPr>
        <w:pStyle w:val="Normal"/>
      </w:pPr>
      <w:r w:rsidR="33E02876">
        <w:rPr/>
        <w:t xml:space="preserve">  undefined4 uStack_8;</w:t>
      </w:r>
    </w:p>
    <w:p w:rsidR="33E02876" w:rsidP="6BCA6D52" w:rsidRDefault="33E02876" w14:paraId="14CE6CAD" w14:textId="34151C64">
      <w:pPr>
        <w:pStyle w:val="Normal"/>
      </w:pPr>
      <w:r w:rsidR="33E02876">
        <w:rPr/>
        <w:t xml:space="preserve">  </w:t>
      </w:r>
    </w:p>
    <w:p w:rsidR="33E02876" w:rsidP="6BCA6D52" w:rsidRDefault="33E02876" w14:paraId="7E47B9E7" w14:textId="17416F0C">
      <w:pPr>
        <w:pStyle w:val="Normal"/>
      </w:pPr>
      <w:r w:rsidR="33E02876">
        <w:rPr/>
        <w:t xml:space="preserve">  puVar3 = local_dc;</w:t>
      </w:r>
    </w:p>
    <w:p w:rsidR="33E02876" w:rsidP="6BCA6D52" w:rsidRDefault="33E02876" w14:paraId="1A83B167" w14:textId="56C24319">
      <w:pPr>
        <w:pStyle w:val="Normal"/>
      </w:pPr>
      <w:r w:rsidR="33E02876">
        <w:rPr/>
        <w:t xml:space="preserve">  for (iVar2 = 0x36; iVar2 != 0; iVar2 = iVar2 + -1) {</w:t>
      </w:r>
    </w:p>
    <w:p w:rsidR="33E02876" w:rsidP="6BCA6D52" w:rsidRDefault="33E02876" w14:paraId="0FA5CE0A" w14:textId="415C6D26">
      <w:pPr>
        <w:pStyle w:val="Normal"/>
      </w:pPr>
      <w:r w:rsidR="33E02876">
        <w:rPr/>
        <w:t xml:space="preserve">    *puVar3 = 0xcccccccc;</w:t>
      </w:r>
    </w:p>
    <w:p w:rsidR="33E02876" w:rsidP="6BCA6D52" w:rsidRDefault="33E02876" w14:paraId="3A0BD021" w14:textId="25AA1BE6">
      <w:pPr>
        <w:pStyle w:val="Normal"/>
      </w:pPr>
      <w:r w:rsidR="33E02876">
        <w:rPr/>
        <w:t xml:space="preserve">    puVar3 = puVar3 + 1;</w:t>
      </w:r>
    </w:p>
    <w:p w:rsidR="33E02876" w:rsidP="6BCA6D52" w:rsidRDefault="33E02876" w14:paraId="3CBD74DC" w14:textId="555089C7">
      <w:pPr>
        <w:pStyle w:val="Normal"/>
      </w:pPr>
      <w:r w:rsidR="33E02876">
        <w:rPr/>
        <w:t xml:space="preserve">  }</w:t>
      </w:r>
    </w:p>
    <w:p w:rsidR="33E02876" w:rsidP="6BCA6D52" w:rsidRDefault="33E02876" w14:paraId="31499362" w14:textId="16EF438A">
      <w:pPr>
        <w:pStyle w:val="Normal"/>
      </w:pPr>
      <w:r w:rsidR="33E02876">
        <w:rPr/>
        <w:t xml:space="preserve">  local_c = intantiateAndPersistToAppData();</w:t>
      </w:r>
    </w:p>
    <w:p w:rsidR="33E02876" w:rsidP="6BCA6D52" w:rsidRDefault="33E02876" w14:paraId="366CDE4E" w14:textId="6D8B215D">
      <w:pPr>
        <w:pStyle w:val="Normal"/>
      </w:pPr>
      <w:r w:rsidR="33E02876">
        <w:rPr/>
        <w:t xml:space="preserve">  cleanPreviousInfections();</w:t>
      </w:r>
    </w:p>
    <w:p w:rsidR="33E02876" w:rsidP="6BCA6D52" w:rsidRDefault="33E02876" w14:paraId="3CBEA358" w14:textId="443EF196">
      <w:pPr>
        <w:pStyle w:val="Normal"/>
      </w:pPr>
      <w:r w:rsidR="33E02876">
        <w:rPr/>
        <w:t xml:space="preserve">  local_18 = (HANDLE *)declareSparkPipe();</w:t>
      </w:r>
    </w:p>
    <w:p w:rsidR="33E02876" w:rsidP="6BCA6D52" w:rsidRDefault="33E02876" w14:paraId="163A4D66" w14:textId="7FB7FF46">
      <w:pPr>
        <w:pStyle w:val="Normal"/>
      </w:pPr>
      <w:r w:rsidR="33E02876">
        <w:rPr/>
        <w:t xml:space="preserve">  setupC&amp;C();</w:t>
      </w:r>
    </w:p>
    <w:p w:rsidR="33E02876" w:rsidP="6BCA6D52" w:rsidRDefault="33E02876" w14:paraId="3AEB392F" w14:textId="77D569C8">
      <w:pPr>
        <w:pStyle w:val="Normal"/>
      </w:pPr>
      <w:r w:rsidR="33E02876">
        <w:rPr/>
        <w:t xml:space="preserve">  persistenceThread(local_18);</w:t>
      </w:r>
    </w:p>
    <w:p w:rsidR="33E02876" w:rsidP="6BCA6D52" w:rsidRDefault="33E02876" w14:paraId="080494C0" w14:textId="4951E067">
      <w:pPr>
        <w:pStyle w:val="Normal"/>
      </w:pPr>
      <w:r w:rsidR="33E02876">
        <w:rPr/>
        <w:t xml:space="preserve">  installRootkit();</w:t>
      </w:r>
    </w:p>
    <w:p w:rsidR="33E02876" w:rsidP="6BCA6D52" w:rsidRDefault="33E02876" w14:paraId="3BF5B1F3" w14:textId="2D9AE847">
      <w:pPr>
        <w:pStyle w:val="Normal"/>
      </w:pPr>
      <w:r w:rsidR="33E02876">
        <w:rPr/>
        <w:t xml:space="preserve">  explorerPersistence();</w:t>
      </w:r>
    </w:p>
    <w:p w:rsidR="33E02876" w:rsidP="6BCA6D52" w:rsidRDefault="33E02876" w14:paraId="4F474A55" w14:textId="70A33583">
      <w:pPr>
        <w:pStyle w:val="Normal"/>
      </w:pPr>
      <w:r w:rsidR="33E02876">
        <w:rPr/>
        <w:t xml:space="preserve">  C&amp;Ccommunication();</w:t>
      </w:r>
    </w:p>
    <w:p w:rsidR="33E02876" w:rsidP="6BCA6D52" w:rsidRDefault="33E02876" w14:paraId="39714207" w14:textId="10857408">
      <w:pPr>
        <w:pStyle w:val="Normal"/>
      </w:pPr>
      <w:r w:rsidR="33E02876">
        <w:rPr/>
        <w:t xml:space="preserve">  pvVar1 = (void *)mathAlgorithm();</w:t>
      </w:r>
    </w:p>
    <w:p w:rsidR="33E02876" w:rsidP="6BCA6D52" w:rsidRDefault="33E02876" w14:paraId="48CB5766" w14:textId="197AF300">
      <w:pPr>
        <w:pStyle w:val="Normal"/>
      </w:pPr>
      <w:r w:rsidR="33E02876">
        <w:rPr/>
        <w:t xml:space="preserve">  thunk_FUN_0046b4b0(pvVar1);</w:t>
      </w:r>
    </w:p>
    <w:p w:rsidR="33E02876" w:rsidP="6BCA6D52" w:rsidRDefault="33E02876" w14:paraId="577EF129" w14:textId="4C7E96DF">
      <w:pPr>
        <w:pStyle w:val="Normal"/>
      </w:pPr>
      <w:r w:rsidR="33E02876">
        <w:rPr/>
        <w:t xml:space="preserve">  uStack_8 = 0x455fd0;</w:t>
      </w:r>
    </w:p>
    <w:p w:rsidR="33E02876" w:rsidP="6BCA6D52" w:rsidRDefault="33E02876" w14:paraId="14B13990" w14:textId="0C952995">
      <w:pPr>
        <w:pStyle w:val="Normal"/>
      </w:pPr>
      <w:r w:rsidR="33E02876">
        <w:rPr/>
        <w:t xml:space="preserve">  iVar2 = __RTC_CheckEsp();</w:t>
      </w:r>
    </w:p>
    <w:p w:rsidR="33E02876" w:rsidP="6BCA6D52" w:rsidRDefault="33E02876" w14:paraId="427DA401" w14:textId="2D4F64A4">
      <w:pPr>
        <w:pStyle w:val="Normal"/>
      </w:pPr>
      <w:r w:rsidR="33E02876">
        <w:rPr/>
        <w:t xml:space="preserve">  return iVar2;</w:t>
      </w:r>
    </w:p>
    <w:p w:rsidR="33E02876" w:rsidP="6BCA6D52" w:rsidRDefault="33E02876" w14:paraId="4764E9B8" w14:textId="063A97CD">
      <w:pPr>
        <w:pStyle w:val="Normal"/>
      </w:pPr>
      <w:r w:rsidR="33E02876">
        <w:rPr/>
        <w:t>}</w:t>
      </w:r>
    </w:p>
    <w:p w:rsidR="6BCA6D52" w:rsidP="6BCA6D52" w:rsidRDefault="6BCA6D52" w14:paraId="4AFA477E" w14:textId="01430C26">
      <w:pPr>
        <w:pStyle w:val="Normal"/>
      </w:pPr>
      <w:r w:rsidR="4A93135A">
        <w:rPr/>
        <w:t xml:space="preserve">As </w:t>
      </w:r>
      <w:r w:rsidR="4CC72D5A">
        <w:rPr/>
        <w:t>stated</w:t>
      </w:r>
      <w:r w:rsidR="4A93135A">
        <w:rPr/>
        <w:t xml:space="preserve"> earlier, this part of the code </w:t>
      </w:r>
      <w:r w:rsidR="4A93135A">
        <w:rPr/>
        <w:t>seems to be</w:t>
      </w:r>
      <w:r w:rsidR="4A93135A">
        <w:rPr/>
        <w:t xml:space="preserve"> the main issue for this executable file</w:t>
      </w:r>
      <w:r w:rsidR="4A93135A">
        <w:rPr/>
        <w:t xml:space="preserve">.  </w:t>
      </w:r>
      <w:r w:rsidR="4A93135A">
        <w:rPr/>
        <w:t xml:space="preserve">Since we see the </w:t>
      </w:r>
      <w:r w:rsidR="11A2C47C">
        <w:rPr/>
        <w:t>introduction of a rootkit</w:t>
      </w:r>
      <w:r w:rsidR="1E6FF144">
        <w:rPr/>
        <w:t>, where a potential</w:t>
      </w:r>
      <w:r w:rsidR="11A2C47C">
        <w:rPr/>
        <w:t xml:space="preserve"> </w:t>
      </w:r>
      <w:r w:rsidR="11A2C47C">
        <w:rPr/>
        <w:t xml:space="preserve">hacker </w:t>
      </w:r>
      <w:r w:rsidR="62DE5BD9">
        <w:rPr/>
        <w:t>uses</w:t>
      </w:r>
      <w:r w:rsidR="11A2C47C">
        <w:rPr/>
        <w:t xml:space="preserve"> gain root-level access</w:t>
      </w:r>
      <w:r w:rsidR="3A179C50">
        <w:rPr/>
        <w:t>. Where we see a set of programs installed for admin access in our case, malicious and stealthy changes can happen to the host O/S.</w:t>
      </w:r>
    </w:p>
    <w:p w:rsidR="67C5D71E" w:rsidP="67C5D71E" w:rsidRDefault="67C5D71E" w14:paraId="62E8809A" w14:textId="39167AF8">
      <w:pPr>
        <w:pStyle w:val="Normal"/>
      </w:pPr>
    </w:p>
    <w:p w:rsidR="67C5D71E" w:rsidP="67C5D71E" w:rsidRDefault="67C5D71E" w14:paraId="0B1CCBAA" w14:textId="196BF915">
      <w:pPr>
        <w:pStyle w:val="Normal"/>
      </w:pPr>
    </w:p>
    <w:p w:rsidR="67C5D71E" w:rsidP="67C5D71E" w:rsidRDefault="67C5D71E" w14:paraId="566CA6C0" w14:textId="2EE51207">
      <w:pPr>
        <w:pStyle w:val="Normal"/>
      </w:pPr>
    </w:p>
    <w:p w:rsidR="3A67BE8D" w:rsidP="6BCA6D52" w:rsidRDefault="3A67BE8D" w14:paraId="08FB75EB" w14:textId="5FE9E2B1">
      <w:pPr>
        <w:pStyle w:val="Normal"/>
      </w:pPr>
      <w:r w:rsidR="3A67BE8D">
        <w:rPr/>
        <w:t>Ghidra</w:t>
      </w:r>
      <w:r w:rsidR="3A67BE8D">
        <w:rPr/>
        <w:t xml:space="preserve"> Plugins</w:t>
      </w:r>
      <w:r w:rsidR="6888FC5F">
        <w:rPr/>
        <w:t xml:space="preserve"> </w:t>
      </w:r>
    </w:p>
    <w:p w:rsidR="6888FC5F" w:rsidP="67C5D71E" w:rsidRDefault="6888FC5F" w14:paraId="0A9EEAA5" w14:textId="66C9D3A2">
      <w:pPr>
        <w:pStyle w:val="Normal"/>
      </w:pPr>
      <w:r w:rsidR="6888FC5F">
        <w:rPr/>
        <w:t xml:space="preserve">Note: Many of these plugins are not supported for the newer versions of </w:t>
      </w:r>
      <w:r w:rsidR="6888FC5F">
        <w:rPr/>
        <w:t>Ghidra</w:t>
      </w:r>
      <w:r w:rsidR="6888FC5F">
        <w:rPr/>
        <w:t xml:space="preserve"> and require much older versions to run successfully. Below are some unique plugins we found.</w:t>
      </w:r>
    </w:p>
    <w:p w:rsidR="3A67BE8D" w:rsidP="6BCA6D52" w:rsidRDefault="3A67BE8D" w14:paraId="59AD3772" w14:textId="7A034E1F">
      <w:pPr>
        <w:pStyle w:val="Normal"/>
      </w:pPr>
      <w:r w:rsidR="3A67BE8D">
        <w:rPr/>
        <w:t>GhidraChatGPT</w:t>
      </w:r>
      <w:r w:rsidR="042E31AF">
        <w:rPr/>
        <w:t xml:space="preserve"> </w:t>
      </w:r>
    </w:p>
    <w:p w:rsidR="3A67BE8D" w:rsidP="6BCA6D52" w:rsidRDefault="3A67BE8D" w14:paraId="0C6EEEE0" w14:textId="439181CA">
      <w:pPr>
        <w:pStyle w:val="Normal"/>
      </w:pPr>
      <w:r w:rsidR="3A67BE8D">
        <w:rPr/>
        <w:t xml:space="preserve">Plugin that brings the power of ChatGPT to </w:t>
      </w:r>
      <w:r w:rsidR="3A67BE8D">
        <w:rPr/>
        <w:t>Ghidra</w:t>
      </w:r>
    </w:p>
    <w:p w:rsidR="5A721160" w:rsidP="6BCA6D52" w:rsidRDefault="5A721160" w14:paraId="0C04739C" w14:textId="1D9DC0DD">
      <w:pPr>
        <w:pStyle w:val="Normal"/>
      </w:pPr>
      <w:r w:rsidR="5A721160">
        <w:rPr/>
        <w:t xml:space="preserve">Note: </w:t>
      </w:r>
      <w:r w:rsidR="2B441181">
        <w:rPr/>
        <w:t xml:space="preserve">Only currently supports </w:t>
      </w:r>
      <w:r w:rsidR="2B04D794">
        <w:rPr/>
        <w:t>G</w:t>
      </w:r>
      <w:r w:rsidR="2B441181">
        <w:rPr/>
        <w:t>hidra</w:t>
      </w:r>
      <w:r w:rsidR="7C129993">
        <w:rPr/>
        <w:t xml:space="preserve"> version 10.3.3</w:t>
      </w:r>
    </w:p>
    <w:p w:rsidR="3A67BE8D" w:rsidP="6BCA6D52" w:rsidRDefault="3A67BE8D" w14:paraId="36574D65" w14:textId="60562A97">
      <w:pPr>
        <w:pStyle w:val="Normal"/>
      </w:pPr>
      <w:r w:rsidR="3A67BE8D">
        <w:rPr/>
        <w:t>Example from Source:</w:t>
      </w:r>
      <w:r w:rsidR="3A67BE8D">
        <w:drawing>
          <wp:inline wp14:editId="1404ECE4" wp14:anchorId="6D6E3738">
            <wp:extent cx="5943600" cy="5200650"/>
            <wp:effectExtent l="0" t="0" r="0" b="0"/>
            <wp:docPr id="602709457" name="" title=""/>
            <wp:cNvGraphicFramePr>
              <a:graphicFrameLocks noChangeAspect="1"/>
            </wp:cNvGraphicFramePr>
            <a:graphic>
              <a:graphicData uri="http://schemas.openxmlformats.org/drawingml/2006/picture">
                <pic:pic>
                  <pic:nvPicPr>
                    <pic:cNvPr id="0" name=""/>
                    <pic:cNvPicPr/>
                  </pic:nvPicPr>
                  <pic:blipFill>
                    <a:blip r:embed="Rda5c4089152f4d80">
                      <a:extLst>
                        <a:ext xmlns:a="http://schemas.openxmlformats.org/drawingml/2006/main" uri="{28A0092B-C50C-407E-A947-70E740481C1C}">
                          <a14:useLocalDpi val="0"/>
                        </a:ext>
                      </a:extLst>
                    </a:blip>
                    <a:stretch>
                      <a:fillRect/>
                    </a:stretch>
                  </pic:blipFill>
                  <pic:spPr>
                    <a:xfrm>
                      <a:off x="0" y="0"/>
                      <a:ext cx="5943600" cy="5200650"/>
                    </a:xfrm>
                    <a:prstGeom prst="rect">
                      <a:avLst/>
                    </a:prstGeom>
                  </pic:spPr>
                </pic:pic>
              </a:graphicData>
            </a:graphic>
          </wp:inline>
        </w:drawing>
      </w:r>
      <w:r w:rsidR="3A67BE8D">
        <w:rPr/>
        <w:t xml:space="preserve"> </w:t>
      </w:r>
    </w:p>
    <w:p w:rsidR="3CF0B29E" w:rsidP="6BCA6D52" w:rsidRDefault="3CF0B29E" w14:paraId="670EF940" w14:textId="15E96DEB">
      <w:pPr>
        <w:pStyle w:val="Normal"/>
      </w:pPr>
      <w:r w:rsidR="3CF0B29E">
        <w:rPr/>
        <w:t>Instructions</w:t>
      </w:r>
      <w:r w:rsidR="57F91252">
        <w:rPr/>
        <w:t xml:space="preserve"> to Install</w:t>
      </w:r>
      <w:r w:rsidR="3CF0B29E">
        <w:rPr/>
        <w:t>:</w:t>
      </w:r>
    </w:p>
    <w:p w:rsidR="3CF0B29E" w:rsidP="6BCA6D52" w:rsidRDefault="3CF0B29E" w14:paraId="4F1E86FE" w14:textId="7D89125C">
      <w:pPr>
        <w:pStyle w:val="ListParagraph"/>
        <w:numPr>
          <w:ilvl w:val="0"/>
          <w:numId w:val="5"/>
        </w:numPr>
        <w:rPr/>
      </w:pPr>
      <w:r w:rsidR="3CF0B29E">
        <w:rPr/>
        <w:t xml:space="preserve">Download latest release from the repository, and must match your </w:t>
      </w:r>
      <w:r w:rsidR="3CF0B29E">
        <w:rPr/>
        <w:t>Ghidra</w:t>
      </w:r>
      <w:r w:rsidR="3CF0B29E">
        <w:rPr/>
        <w:t xml:space="preserve"> version</w:t>
      </w:r>
    </w:p>
    <w:p w:rsidR="3CF0B29E" w:rsidP="6BCA6D52" w:rsidRDefault="3CF0B29E" w14:paraId="06E794D7" w14:textId="41341EF2">
      <w:pPr>
        <w:pStyle w:val="ListParagraph"/>
        <w:numPr>
          <w:ilvl w:val="0"/>
          <w:numId w:val="5"/>
        </w:numPr>
        <w:rPr/>
      </w:pPr>
      <w:r w:rsidR="3CF0B29E">
        <w:rPr/>
        <w:t>Copy/Move the archive to the GHIDRA_INSTALL_DIR/Extensions/</w:t>
      </w:r>
      <w:r w:rsidR="3CF0B29E">
        <w:rPr/>
        <w:t>Ghidra</w:t>
      </w:r>
      <w:r w:rsidR="3CF0B29E">
        <w:rPr/>
        <w:t xml:space="preserve"> directory</w:t>
      </w:r>
    </w:p>
    <w:p w:rsidR="3CF0B29E" w:rsidP="6BCA6D52" w:rsidRDefault="3CF0B29E" w14:paraId="1E3680B2" w14:textId="7FDE8378">
      <w:pPr>
        <w:pStyle w:val="ListParagraph"/>
        <w:numPr>
          <w:ilvl w:val="0"/>
          <w:numId w:val="5"/>
        </w:numPr>
        <w:rPr/>
      </w:pPr>
      <w:r w:rsidR="3CF0B29E">
        <w:rPr/>
        <w:t xml:space="preserve">Project window of Ghidra: File – Install Extension – Enable the </w:t>
      </w:r>
      <w:r w:rsidR="3CF0B29E">
        <w:rPr/>
        <w:t>GhidraChatGPT</w:t>
      </w:r>
      <w:r w:rsidR="3CF0B29E">
        <w:rPr/>
        <w:t xml:space="preserve"> extension</w:t>
      </w:r>
    </w:p>
    <w:p w:rsidR="3CF0B29E" w:rsidP="6BCA6D52" w:rsidRDefault="3CF0B29E" w14:paraId="334FB8F2" w14:textId="225286F8">
      <w:pPr>
        <w:pStyle w:val="ListParagraph"/>
        <w:numPr>
          <w:ilvl w:val="0"/>
          <w:numId w:val="5"/>
        </w:numPr>
        <w:rPr/>
      </w:pPr>
      <w:r w:rsidR="3CF0B29E">
        <w:rPr/>
        <w:t xml:space="preserve">Restart Ghidra </w:t>
      </w:r>
    </w:p>
    <w:p w:rsidR="3CF0B29E" w:rsidP="6BCA6D52" w:rsidRDefault="3CF0B29E" w14:paraId="45DA620A" w14:textId="20E78F7A">
      <w:pPr>
        <w:pStyle w:val="ListParagraph"/>
        <w:numPr>
          <w:ilvl w:val="0"/>
          <w:numId w:val="5"/>
        </w:numPr>
        <w:rPr/>
      </w:pPr>
      <w:r w:rsidR="3CF0B29E">
        <w:rPr/>
        <w:t>CodeBrowser</w:t>
      </w:r>
      <w:r w:rsidR="3CF0B29E">
        <w:rPr/>
        <w:t xml:space="preserve"> window of </w:t>
      </w:r>
      <w:r w:rsidR="3CF0B29E">
        <w:rPr/>
        <w:t>Ghidra</w:t>
      </w:r>
      <w:r w:rsidR="3CF0B29E">
        <w:rPr/>
        <w:t xml:space="preserve">: File – Configure – Plugin icon in the top right – Enable the </w:t>
      </w:r>
      <w:r w:rsidR="3CF0B29E">
        <w:rPr/>
        <w:t>GhidraChatGPT</w:t>
      </w:r>
      <w:r w:rsidR="3CF0B29E">
        <w:rPr/>
        <w:t xml:space="preserve"> plugin</w:t>
      </w:r>
    </w:p>
    <w:p w:rsidR="67C5D71E" w:rsidP="67C5D71E" w:rsidRDefault="67C5D71E" w14:paraId="705CD01D" w14:textId="7EE7969D">
      <w:pPr>
        <w:pStyle w:val="Normal"/>
      </w:pPr>
    </w:p>
    <w:p w:rsidR="67C5D71E" w:rsidP="67C5D71E" w:rsidRDefault="67C5D71E" w14:paraId="4FE71F37" w14:textId="49733BA1">
      <w:pPr>
        <w:pStyle w:val="Normal"/>
      </w:pPr>
    </w:p>
    <w:p w:rsidR="3CF0B29E" w:rsidP="6BCA6D52" w:rsidRDefault="3CF0B29E" w14:paraId="2AF62413" w14:textId="6714C1A6">
      <w:pPr>
        <w:pStyle w:val="Normal"/>
        <w:ind w:left="0"/>
      </w:pPr>
      <w:r w:rsidR="3CF0B29E">
        <w:rPr/>
        <w:t>Build</w:t>
      </w:r>
    </w:p>
    <w:p w:rsidR="3CF0B29E" w:rsidP="6BCA6D52" w:rsidRDefault="3CF0B29E" w14:paraId="650FA084" w14:textId="02BF1AC0">
      <w:pPr>
        <w:pStyle w:val="Normal"/>
        <w:ind w:left="0"/>
      </w:pPr>
      <w:r w:rsidR="3CF0B29E">
        <w:rPr/>
        <w:t xml:space="preserve">Plugin can be built with or without docker. Varies on method done </w:t>
      </w:r>
      <w:r w:rsidR="1CB91E3F">
        <w:rPr/>
        <w:t>to resolve the dependencies</w:t>
      </w:r>
    </w:p>
    <w:p w:rsidR="3CF0B29E" w:rsidP="6BCA6D52" w:rsidRDefault="3CF0B29E" w14:paraId="06DAB43E" w14:textId="18E43D8F">
      <w:pPr>
        <w:pStyle w:val="ListParagraph"/>
        <w:numPr>
          <w:ilvl w:val="0"/>
          <w:numId w:val="6"/>
        </w:numPr>
        <w:rPr/>
      </w:pPr>
      <w:r w:rsidR="3CF0B29E">
        <w:rPr/>
        <w:t xml:space="preserve">Clone repository </w:t>
      </w:r>
    </w:p>
    <w:p w:rsidR="3CF0B29E" w:rsidP="6BCA6D52" w:rsidRDefault="3CF0B29E" w14:paraId="791B64A3" w14:textId="7FB10D9C">
      <w:pPr>
        <w:pStyle w:val="ListParagraph"/>
        <w:numPr>
          <w:ilvl w:val="0"/>
          <w:numId w:val="6"/>
        </w:numPr>
        <w:rPr/>
      </w:pPr>
      <w:r w:rsidR="3CF0B29E">
        <w:rPr/>
        <w:t>Build using docker: ./build.sh -p YOUR_GHIDRA_INSTALL_DIR -d or without: ./build.sh -p YOUR_GHIDRA_INSTALL_DIR</w:t>
      </w:r>
    </w:p>
    <w:p w:rsidR="3CF0B29E" w:rsidP="6BCA6D52" w:rsidRDefault="3CF0B29E" w14:paraId="6DF93125" w14:textId="29B672F0">
      <w:pPr>
        <w:pStyle w:val="ListParagraph"/>
        <w:numPr>
          <w:ilvl w:val="0"/>
          <w:numId w:val="6"/>
        </w:numPr>
        <w:rPr/>
      </w:pPr>
      <w:r w:rsidR="3CF0B29E">
        <w:rPr/>
        <w:t xml:space="preserve">Project window of </w:t>
      </w:r>
      <w:r w:rsidR="3CF0B29E">
        <w:rPr/>
        <w:t>Ghidra</w:t>
      </w:r>
      <w:r w:rsidR="3CF0B29E">
        <w:rPr/>
        <w:t xml:space="preserve">: File – Configure – Plug icon in the top right – Enable the </w:t>
      </w:r>
      <w:r w:rsidR="3CF0B29E">
        <w:rPr/>
        <w:t>GhidraChatGPT</w:t>
      </w:r>
      <w:r w:rsidR="3CF0B29E">
        <w:rPr/>
        <w:t xml:space="preserve"> plugin</w:t>
      </w:r>
    </w:p>
    <w:p w:rsidR="3A67BE8D" w:rsidP="6BCA6D52" w:rsidRDefault="3A67BE8D" w14:paraId="77C08B01" w14:textId="02674913">
      <w:pPr>
        <w:pStyle w:val="Normal"/>
        <w:rPr>
          <w:rFonts w:ascii="Aptos" w:hAnsi="Aptos" w:eastAsia="Aptos" w:cs="Aptos"/>
          <w:noProof w:val="0"/>
          <w:sz w:val="24"/>
          <w:szCs w:val="24"/>
          <w:lang w:val="en-US"/>
        </w:rPr>
      </w:pPr>
      <w:r w:rsidRPr="6BCA6D52" w:rsidR="3A67BE8D">
        <w:rPr>
          <w:b w:val="1"/>
          <w:bCs w:val="1"/>
        </w:rPr>
        <w:t xml:space="preserve">Source: </w:t>
      </w:r>
      <w:hyperlink r:id="Ra38293e56ccd4b2f">
        <w:r w:rsidRPr="6BCA6D52" w:rsidR="3A67BE8D">
          <w:rPr>
            <w:rStyle w:val="Hyperlink"/>
            <w:rFonts w:ascii="Aptos" w:hAnsi="Aptos" w:eastAsia="Aptos" w:cs="Aptos"/>
            <w:noProof w:val="0"/>
            <w:sz w:val="24"/>
            <w:szCs w:val="24"/>
            <w:lang w:val="en-US"/>
          </w:rPr>
          <w:t>GitHub - likvidera/GhidraChatGPT: Brings the power of ChatGPT to Ghidra!</w:t>
        </w:r>
      </w:hyperlink>
    </w:p>
    <w:p w:rsidR="6BCA6D52" w:rsidP="6BCA6D52" w:rsidRDefault="6BCA6D52" w14:paraId="7AFEBBE0" w14:textId="0C6EFB1C">
      <w:pPr>
        <w:pStyle w:val="Normal"/>
        <w:rPr>
          <w:rFonts w:ascii="Aptos" w:hAnsi="Aptos" w:eastAsia="Aptos" w:cs="Aptos"/>
          <w:noProof w:val="0"/>
          <w:sz w:val="24"/>
          <w:szCs w:val="24"/>
          <w:lang w:val="en-US"/>
        </w:rPr>
      </w:pPr>
    </w:p>
    <w:p w:rsidR="765F32C6" w:rsidP="67C5D71E" w:rsidRDefault="765F32C6" w14:paraId="6810A131" w14:textId="157ACA68">
      <w:pPr>
        <w:pStyle w:val="Normal"/>
        <w:rPr>
          <w:rFonts w:ascii="Aptos" w:hAnsi="Aptos" w:eastAsia="Aptos" w:cs="Aptos"/>
          <w:noProof w:val="0"/>
          <w:sz w:val="24"/>
          <w:szCs w:val="24"/>
          <w:lang w:val="en-US"/>
        </w:rPr>
      </w:pPr>
      <w:r w:rsidRPr="67C5D71E" w:rsidR="765F32C6">
        <w:rPr>
          <w:rFonts w:ascii="Aptos" w:hAnsi="Aptos" w:eastAsia="Aptos" w:cs="Aptos"/>
          <w:noProof w:val="0"/>
          <w:sz w:val="24"/>
          <w:szCs w:val="24"/>
          <w:lang w:val="en-US"/>
        </w:rPr>
        <w:t>GhidraQuark</w:t>
      </w:r>
      <w:r w:rsidRPr="67C5D71E" w:rsidR="765F32C6">
        <w:rPr>
          <w:rFonts w:ascii="Aptos" w:hAnsi="Aptos" w:eastAsia="Aptos" w:cs="Aptos"/>
          <w:noProof w:val="0"/>
          <w:sz w:val="24"/>
          <w:szCs w:val="24"/>
          <w:lang w:val="en-US"/>
        </w:rPr>
        <w:t xml:space="preserve"> </w:t>
      </w:r>
    </w:p>
    <w:p w:rsidR="0AC3C588" w:rsidP="67C5D71E" w:rsidRDefault="0AC3C588" w14:paraId="0478640C" w14:textId="6060F526">
      <w:pPr>
        <w:pStyle w:val="Normal"/>
        <w:rPr>
          <w:rFonts w:ascii="Aptos" w:hAnsi="Aptos" w:eastAsia="Aptos" w:cs="Aptos"/>
          <w:noProof w:val="0"/>
          <w:sz w:val="24"/>
          <w:szCs w:val="24"/>
          <w:lang w:val="en-US"/>
        </w:rPr>
      </w:pPr>
      <w:r w:rsidRPr="67C5D71E" w:rsidR="0AC3C588">
        <w:rPr>
          <w:rFonts w:ascii="Aptos" w:hAnsi="Aptos" w:eastAsia="Aptos" w:cs="Aptos"/>
          <w:noProof w:val="0"/>
          <w:sz w:val="24"/>
          <w:szCs w:val="24"/>
          <w:lang w:val="en-US"/>
        </w:rPr>
        <w:t xml:space="preserve">Another </w:t>
      </w:r>
      <w:r w:rsidRPr="67C5D71E" w:rsidR="0AC3C588">
        <w:rPr>
          <w:rFonts w:ascii="Aptos" w:hAnsi="Aptos" w:eastAsia="Aptos" w:cs="Aptos"/>
          <w:noProof w:val="0"/>
          <w:sz w:val="24"/>
          <w:szCs w:val="24"/>
          <w:lang w:val="en-US"/>
        </w:rPr>
        <w:t>Ghidra</w:t>
      </w:r>
      <w:r w:rsidRPr="67C5D71E" w:rsidR="0AC3C588">
        <w:rPr>
          <w:rFonts w:ascii="Aptos" w:hAnsi="Aptos" w:eastAsia="Aptos" w:cs="Aptos"/>
          <w:noProof w:val="0"/>
          <w:sz w:val="24"/>
          <w:szCs w:val="24"/>
          <w:lang w:val="en-US"/>
        </w:rPr>
        <w:t xml:space="preserve"> plug-in that gives a powerful overview for Android Apps</w:t>
      </w:r>
    </w:p>
    <w:p w:rsidR="0F05409A" w:rsidP="67C5D71E" w:rsidRDefault="0F05409A" w14:paraId="669C74AF" w14:textId="44FA3D25">
      <w:pPr>
        <w:pStyle w:val="Normal"/>
        <w:rPr>
          <w:rFonts w:ascii="Aptos" w:hAnsi="Aptos" w:eastAsia="Aptos" w:cs="Aptos"/>
          <w:noProof w:val="0"/>
          <w:sz w:val="24"/>
          <w:szCs w:val="24"/>
          <w:lang w:val="en-US"/>
        </w:rPr>
      </w:pPr>
      <w:r w:rsidRPr="67C5D71E" w:rsidR="0F05409A">
        <w:rPr>
          <w:rFonts w:ascii="Aptos" w:hAnsi="Aptos" w:eastAsia="Aptos" w:cs="Aptos"/>
          <w:noProof w:val="0"/>
          <w:sz w:val="24"/>
          <w:szCs w:val="24"/>
          <w:lang w:val="en-US"/>
        </w:rPr>
        <w:t>Requirements:</w:t>
      </w:r>
    </w:p>
    <w:p w:rsidR="620EB88C" w:rsidP="67C5D71E" w:rsidRDefault="620EB88C" w14:paraId="7C99F3F7" w14:textId="0FA63F2D">
      <w:pPr>
        <w:pStyle w:val="ListParagraph"/>
        <w:numPr>
          <w:ilvl w:val="0"/>
          <w:numId w:val="10"/>
        </w:numPr>
        <w:rPr/>
      </w:pPr>
      <w:r w:rsidR="620EB88C">
        <w:rPr/>
        <w:t xml:space="preserve">Note: Only supports </w:t>
      </w:r>
      <w:r w:rsidR="620EB88C">
        <w:rPr/>
        <w:t>Ghidra</w:t>
      </w:r>
      <w:r w:rsidR="620EB88C">
        <w:rPr/>
        <w:t xml:space="preserve"> version 9.2.2</w:t>
      </w:r>
    </w:p>
    <w:p w:rsidR="05E87499" w:rsidP="67C5D71E" w:rsidRDefault="05E87499" w14:paraId="4C505AAA" w14:textId="1322786A">
      <w:pPr>
        <w:pStyle w:val="ListParagraph"/>
        <w:numPr>
          <w:ilvl w:val="0"/>
          <w:numId w:val="10"/>
        </w:numPr>
        <w:rPr/>
      </w:pPr>
      <w:r w:rsidR="05E87499">
        <w:rPr/>
        <w:t xml:space="preserve">Only one version </w:t>
      </w:r>
      <w:r w:rsidR="6BA17D95">
        <w:rPr/>
        <w:t>available</w:t>
      </w:r>
      <w:r w:rsidR="6BA17D95">
        <w:rPr/>
        <w:t xml:space="preserve"> to download</w:t>
      </w:r>
    </w:p>
    <w:p w:rsidR="0AC3C588" w:rsidP="67C5D71E" w:rsidRDefault="0AC3C588" w14:paraId="4A46A915" w14:textId="1BBC4AF4">
      <w:pPr>
        <w:pStyle w:val="Normal"/>
        <w:rPr>
          <w:rFonts w:ascii="Aptos" w:hAnsi="Aptos" w:eastAsia="Aptos" w:cs="Aptos"/>
          <w:noProof w:val="0"/>
          <w:sz w:val="24"/>
          <w:szCs w:val="24"/>
          <w:lang w:val="en-US"/>
        </w:rPr>
      </w:pPr>
      <w:r w:rsidRPr="67C5D71E" w:rsidR="0AC3C588">
        <w:rPr>
          <w:rFonts w:ascii="Aptos" w:hAnsi="Aptos" w:eastAsia="Aptos" w:cs="Aptos"/>
          <w:noProof w:val="0"/>
          <w:sz w:val="24"/>
          <w:szCs w:val="24"/>
          <w:lang w:val="en-US"/>
        </w:rPr>
        <w:t>Example from Source:</w:t>
      </w:r>
    </w:p>
    <w:p w:rsidR="0AC3C588" w:rsidP="67C5D71E" w:rsidRDefault="0AC3C588" w14:paraId="2F9AA8CA" w14:textId="21FDD46C">
      <w:pPr>
        <w:pStyle w:val="Normal"/>
      </w:pPr>
      <w:r w:rsidR="0AC3C588">
        <w:drawing>
          <wp:inline wp14:editId="48E8946F" wp14:anchorId="01714FC3">
            <wp:extent cx="5943600" cy="3377748"/>
            <wp:effectExtent l="0" t="0" r="0" b="0"/>
            <wp:docPr id="1463785254" name="" title=""/>
            <wp:cNvGraphicFramePr>
              <a:graphicFrameLocks noChangeAspect="1"/>
            </wp:cNvGraphicFramePr>
            <a:graphic>
              <a:graphicData uri="http://schemas.openxmlformats.org/drawingml/2006/picture">
                <pic:pic>
                  <pic:nvPicPr>
                    <pic:cNvPr id="0" name=""/>
                    <pic:cNvPicPr/>
                  </pic:nvPicPr>
                  <pic:blipFill>
                    <a:blip r:embed="R9f595f917f024d56">
                      <a:extLst>
                        <a:ext xmlns:a="http://schemas.openxmlformats.org/drawingml/2006/main" uri="{28A0092B-C50C-407E-A947-70E740481C1C}">
                          <a14:useLocalDpi val="0"/>
                        </a:ext>
                      </a:extLst>
                    </a:blip>
                    <a:srcRect l="0" t="9072" r="0" b="0"/>
                    <a:stretch>
                      <a:fillRect/>
                    </a:stretch>
                  </pic:blipFill>
                  <pic:spPr>
                    <a:xfrm>
                      <a:off x="0" y="0"/>
                      <a:ext cx="5943600" cy="3377748"/>
                    </a:xfrm>
                    <a:prstGeom prst="rect">
                      <a:avLst/>
                    </a:prstGeom>
                  </pic:spPr>
                </pic:pic>
              </a:graphicData>
            </a:graphic>
          </wp:inline>
        </w:drawing>
      </w:r>
    </w:p>
    <w:p w:rsidR="0AC3C588" w:rsidP="67C5D71E" w:rsidRDefault="0AC3C588" w14:paraId="1A9DC633" w14:textId="49FBEBA9">
      <w:pPr>
        <w:pStyle w:val="Normal"/>
      </w:pPr>
      <w:r w:rsidR="0AC3C588">
        <w:rPr/>
        <w:t>Installation</w:t>
      </w:r>
    </w:p>
    <w:p w:rsidR="29BE912D" w:rsidP="67C5D71E" w:rsidRDefault="29BE912D" w14:paraId="200954ED" w14:textId="2063AE13">
      <w:pPr>
        <w:pStyle w:val="ListParagraph"/>
        <w:numPr>
          <w:ilvl w:val="0"/>
          <w:numId w:val="7"/>
        </w:numPr>
        <w:rPr/>
      </w:pPr>
      <w:r w:rsidR="29BE912D">
        <w:rPr/>
        <w:t>Download the built extension from GitHub</w:t>
      </w:r>
    </w:p>
    <w:p w:rsidR="29BE912D" w:rsidP="67C5D71E" w:rsidRDefault="29BE912D" w14:paraId="0D513E16" w14:textId="275402A7">
      <w:pPr>
        <w:pStyle w:val="ListParagraph"/>
        <w:numPr>
          <w:ilvl w:val="1"/>
          <w:numId w:val="7"/>
        </w:numPr>
        <w:rPr/>
      </w:pPr>
      <w:r w:rsidR="29BE912D">
        <w:rPr/>
        <w:t>Check the R</w:t>
      </w:r>
      <w:r w:rsidR="17FAFF8D">
        <w:rPr/>
        <w:t>eleases Page for more recent version</w:t>
      </w:r>
    </w:p>
    <w:p w:rsidR="17FAFF8D" w:rsidP="67C5D71E" w:rsidRDefault="17FAFF8D" w14:paraId="3F69E530" w14:textId="0D329762">
      <w:pPr>
        <w:pStyle w:val="ListParagraph"/>
        <w:numPr>
          <w:ilvl w:val="1"/>
          <w:numId w:val="7"/>
        </w:numPr>
        <w:rPr/>
      </w:pPr>
      <w:r w:rsidR="17FAFF8D">
        <w:rPr/>
        <w:t xml:space="preserve">Download the built extension zip file: </w:t>
      </w:r>
      <w:r w:rsidR="362DF2CC">
        <w:rPr/>
        <w:t>ghidra_9.2.2_PUBLIC_20210204_QuarkEngineHelper or newest file</w:t>
      </w:r>
    </w:p>
    <w:p w:rsidR="362DF2CC" w:rsidP="67C5D71E" w:rsidRDefault="362DF2CC" w14:paraId="3C518C6B" w14:textId="175C1973">
      <w:pPr>
        <w:pStyle w:val="ListParagraph"/>
        <w:numPr>
          <w:ilvl w:val="0"/>
          <w:numId w:val="7"/>
        </w:numPr>
        <w:suppressLineNumbers w:val="0"/>
        <w:bidi w:val="0"/>
        <w:spacing w:before="0" w:beforeAutospacing="off" w:after="160" w:afterAutospacing="off" w:line="279" w:lineRule="auto"/>
        <w:ind w:right="0"/>
        <w:jc w:val="left"/>
        <w:rPr/>
      </w:pPr>
      <w:r w:rsidR="362DF2CC">
        <w:rPr/>
        <w:t xml:space="preserve">Have </w:t>
      </w:r>
      <w:r w:rsidR="362DF2CC">
        <w:rPr/>
        <w:t>Ghidra</w:t>
      </w:r>
      <w:r w:rsidR="362DF2CC">
        <w:rPr/>
        <w:t xml:space="preserve"> installed and install the extension by the following steps:</w:t>
      </w:r>
    </w:p>
    <w:p w:rsidR="362DF2CC" w:rsidP="67C5D71E" w:rsidRDefault="362DF2CC" w14:paraId="1F7757B6" w14:textId="4BC910AA">
      <w:pPr>
        <w:pStyle w:val="ListParagraph"/>
        <w:numPr>
          <w:ilvl w:val="1"/>
          <w:numId w:val="7"/>
        </w:numPr>
        <w:suppressLineNumbers w:val="0"/>
        <w:bidi w:val="0"/>
        <w:spacing w:before="0" w:beforeAutospacing="off" w:after="160" w:afterAutospacing="off" w:line="279" w:lineRule="auto"/>
        <w:ind w:right="0"/>
        <w:jc w:val="left"/>
        <w:rPr/>
      </w:pPr>
      <w:r w:rsidR="362DF2CC">
        <w:rPr/>
        <w:t>Startup</w:t>
      </w:r>
      <w:r w:rsidR="362DF2CC">
        <w:rPr/>
        <w:t xml:space="preserve"> </w:t>
      </w:r>
      <w:r w:rsidR="362DF2CC">
        <w:rPr/>
        <w:t>Ghidra</w:t>
      </w:r>
    </w:p>
    <w:p w:rsidR="362DF2CC" w:rsidP="67C5D71E" w:rsidRDefault="362DF2CC" w14:paraId="1FE4877C" w14:textId="39ADC580">
      <w:pPr>
        <w:pStyle w:val="ListParagraph"/>
        <w:numPr>
          <w:ilvl w:val="1"/>
          <w:numId w:val="7"/>
        </w:numPr>
        <w:suppressLineNumbers w:val="0"/>
        <w:bidi w:val="0"/>
        <w:spacing w:before="0" w:beforeAutospacing="off" w:after="160" w:afterAutospacing="off" w:line="279" w:lineRule="auto"/>
        <w:ind w:right="0"/>
        <w:jc w:val="left"/>
        <w:rPr/>
      </w:pPr>
      <w:r w:rsidR="362DF2CC">
        <w:rPr/>
        <w:t>Open File – Install Extensions...</w:t>
      </w:r>
    </w:p>
    <w:p w:rsidR="362DF2CC" w:rsidP="67C5D71E" w:rsidRDefault="362DF2CC" w14:paraId="3BD795F7" w14:textId="6A2A3812">
      <w:pPr>
        <w:pStyle w:val="ListParagraph"/>
        <w:numPr>
          <w:ilvl w:val="1"/>
          <w:numId w:val="7"/>
        </w:numPr>
        <w:suppressLineNumbers w:val="0"/>
        <w:bidi w:val="0"/>
        <w:spacing w:before="0" w:beforeAutospacing="off" w:after="160" w:afterAutospacing="off" w:line="279" w:lineRule="auto"/>
        <w:ind w:right="0"/>
        <w:jc w:val="left"/>
        <w:rPr/>
      </w:pPr>
      <w:r w:rsidR="362DF2CC">
        <w:rPr/>
        <w:t>Press the + icon on the upper right side of the Install Extensions window</w:t>
      </w:r>
    </w:p>
    <w:p w:rsidR="362DF2CC" w:rsidP="67C5D71E" w:rsidRDefault="362DF2CC" w14:paraId="637F61F0" w14:textId="4136D9CF">
      <w:pPr>
        <w:pStyle w:val="ListParagraph"/>
        <w:numPr>
          <w:ilvl w:val="1"/>
          <w:numId w:val="7"/>
        </w:numPr>
        <w:suppressLineNumbers w:val="0"/>
        <w:bidi w:val="0"/>
        <w:spacing w:before="0" w:beforeAutospacing="off" w:after="160" w:afterAutospacing="off" w:line="279" w:lineRule="auto"/>
        <w:ind w:right="0"/>
        <w:jc w:val="left"/>
        <w:rPr/>
      </w:pPr>
      <w:r w:rsidR="362DF2CC">
        <w:rPr/>
        <w:t xml:space="preserve">Find the file location where you downloaded the zip file from </w:t>
      </w:r>
      <w:r w:rsidR="362DF2CC">
        <w:rPr/>
        <w:t>previous</w:t>
      </w:r>
      <w:r w:rsidR="362DF2CC">
        <w:rPr/>
        <w:t xml:space="preserve"> step and choose it</w:t>
      </w:r>
    </w:p>
    <w:p w:rsidR="362DF2CC" w:rsidP="67C5D71E" w:rsidRDefault="362DF2CC" w14:paraId="4181A6C7" w14:textId="0A4E6562">
      <w:pPr>
        <w:pStyle w:val="ListParagraph"/>
        <w:numPr>
          <w:ilvl w:val="1"/>
          <w:numId w:val="7"/>
        </w:numPr>
        <w:suppressLineNumbers w:val="0"/>
        <w:bidi w:val="0"/>
        <w:spacing w:before="0" w:beforeAutospacing="off" w:after="160" w:afterAutospacing="off" w:line="279" w:lineRule="auto"/>
        <w:ind w:right="0"/>
        <w:jc w:val="left"/>
        <w:rPr/>
      </w:pPr>
      <w:r w:rsidR="362DF2CC">
        <w:rPr/>
        <w:t xml:space="preserve">Press ok, and restart </w:t>
      </w:r>
      <w:r w:rsidR="362DF2CC">
        <w:rPr/>
        <w:t>Ghidra</w:t>
      </w:r>
      <w:r w:rsidR="362DF2CC">
        <w:rPr/>
        <w:t xml:space="preserve"> for the changes to take effect</w:t>
      </w:r>
    </w:p>
    <w:p w:rsidR="3455C655" w:rsidP="67C5D71E" w:rsidRDefault="3455C655" w14:paraId="5AA62026" w14:textId="70554C0D">
      <w:pPr>
        <w:pStyle w:val="Normal"/>
        <w:rPr>
          <w:rFonts w:ascii="Aptos" w:hAnsi="Aptos" w:eastAsia="Aptos" w:cs="Aptos"/>
          <w:noProof w:val="0"/>
          <w:sz w:val="24"/>
          <w:szCs w:val="24"/>
          <w:lang w:val="en-US"/>
        </w:rPr>
      </w:pPr>
      <w:r w:rsidRPr="67C5D71E" w:rsidR="3455C655">
        <w:rPr>
          <w:rFonts w:ascii="Aptos" w:hAnsi="Aptos" w:eastAsia="Aptos" w:cs="Aptos"/>
          <w:noProof w:val="0"/>
          <w:sz w:val="24"/>
          <w:szCs w:val="24"/>
          <w:lang w:val="en-US"/>
        </w:rPr>
        <w:t xml:space="preserve">Source: </w:t>
      </w:r>
      <w:hyperlink r:id="R17d2f73c93b6404f">
        <w:r w:rsidRPr="67C5D71E" w:rsidR="3455C655">
          <w:rPr>
            <w:rStyle w:val="Hyperlink"/>
            <w:rFonts w:ascii="Aptos" w:hAnsi="Aptos" w:eastAsia="Aptos" w:cs="Aptos"/>
            <w:noProof w:val="0"/>
            <w:sz w:val="24"/>
            <w:szCs w:val="24"/>
            <w:lang w:val="en-US"/>
          </w:rPr>
          <w:t>GitHub - quark-engine/ghidraquark: GhidraQuark bridges Quark Engine into Ghidra</w:t>
        </w:r>
      </w:hyperlink>
    </w:p>
    <w:p w:rsidR="7486F6CD" w:rsidP="67C5D71E" w:rsidRDefault="7486F6CD" w14:paraId="2D20A62D" w14:textId="642DC0E0">
      <w:pPr>
        <w:pStyle w:val="Normal"/>
        <w:rPr>
          <w:rFonts w:ascii="Aptos" w:hAnsi="Aptos" w:eastAsia="Aptos" w:cs="Aptos"/>
          <w:noProof w:val="0"/>
          <w:sz w:val="24"/>
          <w:szCs w:val="24"/>
          <w:lang w:val="en-US"/>
        </w:rPr>
      </w:pPr>
      <w:r w:rsidRPr="67C5D71E" w:rsidR="7486F6CD">
        <w:rPr>
          <w:rFonts w:ascii="Aptos" w:hAnsi="Aptos" w:eastAsia="Aptos" w:cs="Aptos"/>
          <w:noProof w:val="0"/>
          <w:sz w:val="24"/>
          <w:szCs w:val="24"/>
          <w:lang w:val="en-US"/>
        </w:rPr>
        <w:t>Intezer</w:t>
      </w:r>
      <w:r w:rsidRPr="67C5D71E" w:rsidR="7486F6CD">
        <w:rPr>
          <w:rFonts w:ascii="Aptos" w:hAnsi="Aptos" w:eastAsia="Aptos" w:cs="Aptos"/>
          <w:noProof w:val="0"/>
          <w:sz w:val="24"/>
          <w:szCs w:val="24"/>
          <w:lang w:val="en-US"/>
        </w:rPr>
        <w:t xml:space="preserve"> Analyze </w:t>
      </w:r>
      <w:r w:rsidRPr="67C5D71E" w:rsidR="7486F6CD">
        <w:rPr>
          <w:rFonts w:ascii="Aptos" w:hAnsi="Aptos" w:eastAsia="Aptos" w:cs="Aptos"/>
          <w:noProof w:val="0"/>
          <w:sz w:val="24"/>
          <w:szCs w:val="24"/>
          <w:lang w:val="en-US"/>
        </w:rPr>
        <w:t>Ghidra</w:t>
      </w:r>
      <w:r w:rsidRPr="67C5D71E" w:rsidR="7486F6CD">
        <w:rPr>
          <w:rFonts w:ascii="Aptos" w:hAnsi="Aptos" w:eastAsia="Aptos" w:cs="Aptos"/>
          <w:noProof w:val="0"/>
          <w:sz w:val="24"/>
          <w:szCs w:val="24"/>
          <w:lang w:val="en-US"/>
        </w:rPr>
        <w:t xml:space="preserve"> Plugin</w:t>
      </w:r>
    </w:p>
    <w:p w:rsidR="7486F6CD" w:rsidP="67C5D71E" w:rsidRDefault="7486F6CD" w14:paraId="26F9C964" w14:textId="1D2A475B">
      <w:pPr>
        <w:pStyle w:val="Normal"/>
        <w:rPr>
          <w:rFonts w:ascii="Aptos" w:hAnsi="Aptos" w:eastAsia="Aptos" w:cs="Aptos"/>
          <w:noProof w:val="0"/>
          <w:sz w:val="24"/>
          <w:szCs w:val="24"/>
          <w:lang w:val="en-US"/>
        </w:rPr>
      </w:pPr>
      <w:r w:rsidRPr="67C5D71E" w:rsidR="7486F6CD">
        <w:rPr>
          <w:rFonts w:ascii="Aptos" w:hAnsi="Aptos" w:eastAsia="Aptos" w:cs="Aptos"/>
          <w:noProof w:val="0"/>
          <w:sz w:val="24"/>
          <w:szCs w:val="24"/>
          <w:lang w:val="en-US"/>
        </w:rPr>
        <w:t xml:space="preserve">Plugin allows </w:t>
      </w:r>
      <w:r w:rsidRPr="67C5D71E" w:rsidR="7486F6CD">
        <w:rPr>
          <w:rFonts w:ascii="Aptos" w:hAnsi="Aptos" w:eastAsia="Aptos" w:cs="Aptos"/>
          <w:noProof w:val="0"/>
          <w:sz w:val="24"/>
          <w:szCs w:val="24"/>
          <w:lang w:val="en-US"/>
        </w:rPr>
        <w:t>Ghidra</w:t>
      </w:r>
      <w:r w:rsidRPr="67C5D71E" w:rsidR="7486F6CD">
        <w:rPr>
          <w:rFonts w:ascii="Aptos" w:hAnsi="Aptos" w:eastAsia="Aptos" w:cs="Aptos"/>
          <w:noProof w:val="0"/>
          <w:sz w:val="24"/>
          <w:szCs w:val="24"/>
          <w:lang w:val="en-US"/>
        </w:rPr>
        <w:t xml:space="preserve"> to save time while reversing and focus on the malicious and unique functions</w:t>
      </w:r>
    </w:p>
    <w:p w:rsidR="4EF3A0AC" w:rsidP="67C5D71E" w:rsidRDefault="4EF3A0AC" w14:paraId="7BAE2D81" w14:textId="2511797F">
      <w:pPr>
        <w:pStyle w:val="Normal"/>
        <w:rPr>
          <w:rFonts w:ascii="Aptos" w:hAnsi="Aptos" w:eastAsia="Aptos" w:cs="Aptos"/>
          <w:noProof w:val="0"/>
          <w:sz w:val="24"/>
          <w:szCs w:val="24"/>
          <w:lang w:val="en-US"/>
        </w:rPr>
      </w:pPr>
      <w:r w:rsidRPr="67C5D71E" w:rsidR="4EF3A0AC">
        <w:rPr>
          <w:rFonts w:ascii="Aptos" w:hAnsi="Aptos" w:eastAsia="Aptos" w:cs="Aptos"/>
          <w:noProof w:val="0"/>
          <w:sz w:val="24"/>
          <w:szCs w:val="24"/>
          <w:lang w:val="en-US"/>
        </w:rPr>
        <w:t xml:space="preserve">Example from Source: </w:t>
      </w:r>
    </w:p>
    <w:p w:rsidR="4EF3A0AC" w:rsidP="67C5D71E" w:rsidRDefault="4EF3A0AC" w14:paraId="50995375" w14:textId="6DA36C94">
      <w:pPr>
        <w:pStyle w:val="Normal"/>
        <w:rPr>
          <w:rFonts w:ascii="Aptos" w:hAnsi="Aptos" w:eastAsia="Aptos" w:cs="Aptos"/>
          <w:noProof w:val="0"/>
          <w:sz w:val="24"/>
          <w:szCs w:val="24"/>
          <w:lang w:val="en-US"/>
        </w:rPr>
      </w:pPr>
      <w:r w:rsidR="4EF3A0AC">
        <w:drawing>
          <wp:inline wp14:editId="3DEA3E76" wp14:anchorId="104486B7">
            <wp:extent cx="5943600" cy="3219450"/>
            <wp:effectExtent l="0" t="0" r="0" b="0"/>
            <wp:docPr id="721154657" name="" title=""/>
            <wp:cNvGraphicFramePr>
              <a:graphicFrameLocks noChangeAspect="1"/>
            </wp:cNvGraphicFramePr>
            <a:graphic>
              <a:graphicData uri="http://schemas.openxmlformats.org/drawingml/2006/picture">
                <pic:pic>
                  <pic:nvPicPr>
                    <pic:cNvPr id="0" name=""/>
                    <pic:cNvPicPr/>
                  </pic:nvPicPr>
                  <pic:blipFill>
                    <a:blip r:embed="R0263c6143136461b">
                      <a:extLst>
                        <a:ext xmlns:a="http://schemas.openxmlformats.org/drawingml/2006/main" uri="{28A0092B-C50C-407E-A947-70E740481C1C}">
                          <a14:useLocalDpi val="0"/>
                        </a:ext>
                      </a:extLst>
                    </a:blip>
                    <a:stretch>
                      <a:fillRect/>
                    </a:stretch>
                  </pic:blipFill>
                  <pic:spPr>
                    <a:xfrm>
                      <a:off x="0" y="0"/>
                      <a:ext cx="5943600" cy="3219450"/>
                    </a:xfrm>
                    <a:prstGeom prst="rect">
                      <a:avLst/>
                    </a:prstGeom>
                  </pic:spPr>
                </pic:pic>
              </a:graphicData>
            </a:graphic>
          </wp:inline>
        </w:drawing>
      </w:r>
    </w:p>
    <w:p w:rsidR="7486F6CD" w:rsidP="67C5D71E" w:rsidRDefault="7486F6CD" w14:paraId="35AEC7D7" w14:textId="51FC1AA4">
      <w:pPr>
        <w:pStyle w:val="Normal"/>
        <w:rPr>
          <w:rFonts w:ascii="Aptos" w:hAnsi="Aptos" w:eastAsia="Aptos" w:cs="Aptos"/>
          <w:noProof w:val="0"/>
          <w:sz w:val="24"/>
          <w:szCs w:val="24"/>
          <w:lang w:val="en-US"/>
        </w:rPr>
      </w:pPr>
      <w:r w:rsidRPr="67C5D71E" w:rsidR="7486F6CD">
        <w:rPr>
          <w:rFonts w:ascii="Aptos" w:hAnsi="Aptos" w:eastAsia="Aptos" w:cs="Aptos"/>
          <w:noProof w:val="0"/>
          <w:sz w:val="24"/>
          <w:szCs w:val="24"/>
          <w:lang w:val="en-US"/>
        </w:rPr>
        <w:t>Requirements</w:t>
      </w:r>
    </w:p>
    <w:p w:rsidR="7486F6CD" w:rsidP="67C5D71E" w:rsidRDefault="7486F6CD" w14:paraId="07FDF7A7" w14:textId="36EC38EF">
      <w:pPr>
        <w:pStyle w:val="ListParagraph"/>
        <w:numPr>
          <w:ilvl w:val="0"/>
          <w:numId w:val="8"/>
        </w:numPr>
        <w:rPr>
          <w:rFonts w:ascii="Aptos" w:hAnsi="Aptos" w:eastAsia="Aptos" w:cs="Aptos"/>
          <w:noProof w:val="0"/>
          <w:sz w:val="24"/>
          <w:szCs w:val="24"/>
          <w:lang w:val="en-US"/>
        </w:rPr>
      </w:pPr>
      <w:r w:rsidRPr="67C5D71E" w:rsidR="7486F6CD">
        <w:rPr>
          <w:rFonts w:ascii="Aptos" w:hAnsi="Aptos" w:eastAsia="Aptos" w:cs="Aptos"/>
          <w:noProof w:val="0"/>
          <w:sz w:val="24"/>
          <w:szCs w:val="24"/>
          <w:lang w:val="en-US"/>
        </w:rPr>
        <w:t>Python request HTTP library at version 2.27.1 or newer</w:t>
      </w:r>
    </w:p>
    <w:p w:rsidR="7486F6CD" w:rsidP="67C5D71E" w:rsidRDefault="7486F6CD" w14:paraId="3D223983" w14:textId="20A8897E">
      <w:pPr>
        <w:pStyle w:val="ListParagraph"/>
        <w:numPr>
          <w:ilvl w:val="0"/>
          <w:numId w:val="8"/>
        </w:numPr>
        <w:rPr>
          <w:rFonts w:ascii="Aptos" w:hAnsi="Aptos" w:eastAsia="Aptos" w:cs="Aptos"/>
          <w:noProof w:val="0"/>
          <w:sz w:val="24"/>
          <w:szCs w:val="24"/>
          <w:lang w:val="en-US"/>
        </w:rPr>
      </w:pPr>
      <w:r w:rsidRPr="67C5D71E" w:rsidR="7486F6CD">
        <w:rPr>
          <w:rFonts w:ascii="Aptos" w:hAnsi="Aptos" w:eastAsia="Aptos" w:cs="Aptos"/>
          <w:noProof w:val="0"/>
          <w:sz w:val="24"/>
          <w:szCs w:val="24"/>
          <w:lang w:val="en-US"/>
        </w:rPr>
        <w:t>Ghidra</w:t>
      </w:r>
      <w:r w:rsidRPr="67C5D71E" w:rsidR="7486F6CD">
        <w:rPr>
          <w:rFonts w:ascii="Aptos" w:hAnsi="Aptos" w:eastAsia="Aptos" w:cs="Aptos"/>
          <w:noProof w:val="0"/>
          <w:sz w:val="24"/>
          <w:szCs w:val="24"/>
          <w:lang w:val="en-US"/>
        </w:rPr>
        <w:t xml:space="preserve"> Version is tested on 10.1 up to 10.1.4</w:t>
      </w:r>
    </w:p>
    <w:p w:rsidR="67C5D71E" w:rsidP="67C5D71E" w:rsidRDefault="67C5D71E" w14:paraId="1CC8E926" w14:textId="67CB775C">
      <w:pPr>
        <w:pStyle w:val="Normal"/>
        <w:ind w:left="0"/>
        <w:rPr>
          <w:rFonts w:ascii="Aptos" w:hAnsi="Aptos" w:eastAsia="Aptos" w:cs="Aptos"/>
          <w:noProof w:val="0"/>
          <w:sz w:val="24"/>
          <w:szCs w:val="24"/>
          <w:lang w:val="en-US"/>
        </w:rPr>
      </w:pPr>
    </w:p>
    <w:p w:rsidR="7486F6CD" w:rsidP="67C5D71E" w:rsidRDefault="7486F6CD" w14:paraId="5FCCCC41" w14:textId="21B83623">
      <w:pPr>
        <w:pStyle w:val="Normal"/>
        <w:ind w:left="0"/>
        <w:rPr>
          <w:rFonts w:ascii="Aptos" w:hAnsi="Aptos" w:eastAsia="Aptos" w:cs="Aptos"/>
          <w:noProof w:val="0"/>
          <w:sz w:val="24"/>
          <w:szCs w:val="24"/>
          <w:lang w:val="en-US"/>
        </w:rPr>
      </w:pPr>
      <w:r w:rsidRPr="67C5D71E" w:rsidR="7486F6CD">
        <w:rPr>
          <w:rFonts w:ascii="Aptos" w:hAnsi="Aptos" w:eastAsia="Aptos" w:cs="Aptos"/>
          <w:noProof w:val="0"/>
          <w:sz w:val="24"/>
          <w:szCs w:val="24"/>
          <w:lang w:val="en-US"/>
        </w:rPr>
        <w:t>Installation</w:t>
      </w:r>
    </w:p>
    <w:p w:rsidR="7486F6CD" w:rsidP="67C5D71E" w:rsidRDefault="7486F6CD" w14:paraId="5FAD57BE" w14:textId="6F31E374">
      <w:pPr>
        <w:pStyle w:val="ListParagraph"/>
        <w:numPr>
          <w:ilvl w:val="0"/>
          <w:numId w:val="9"/>
        </w:numPr>
        <w:rPr>
          <w:rFonts w:ascii="Aptos" w:hAnsi="Aptos" w:eastAsia="Aptos" w:cs="Aptos"/>
          <w:noProof w:val="0"/>
          <w:sz w:val="24"/>
          <w:szCs w:val="24"/>
          <w:lang w:val="en-US"/>
        </w:rPr>
      </w:pPr>
      <w:r w:rsidRPr="67C5D71E" w:rsidR="7486F6CD">
        <w:rPr>
          <w:rFonts w:ascii="Aptos" w:hAnsi="Aptos" w:eastAsia="Aptos" w:cs="Aptos"/>
          <w:noProof w:val="0"/>
          <w:sz w:val="24"/>
          <w:szCs w:val="24"/>
          <w:lang w:val="en-US"/>
        </w:rPr>
        <w:t xml:space="preserve">Clone the repo: $ git clone </w:t>
      </w:r>
      <w:hyperlink r:id="R684e4a1244774916">
        <w:r w:rsidRPr="67C5D71E" w:rsidR="7486F6CD">
          <w:rPr>
            <w:rStyle w:val="Hyperlink"/>
            <w:rFonts w:ascii="Aptos" w:hAnsi="Aptos" w:eastAsia="Aptos" w:cs="Aptos"/>
            <w:noProof w:val="0"/>
            <w:sz w:val="24"/>
            <w:szCs w:val="24"/>
            <w:lang w:val="en-US"/>
          </w:rPr>
          <w:t>https://github.com/intezer/analyze-community-ghidra-plugin.git</w:t>
        </w:r>
      </w:hyperlink>
    </w:p>
    <w:p w:rsidR="7486F6CD" w:rsidP="67C5D71E" w:rsidRDefault="7486F6CD" w14:paraId="02F97ED1" w14:textId="7EEC2DE2">
      <w:pPr>
        <w:pStyle w:val="ListParagraph"/>
        <w:numPr>
          <w:ilvl w:val="0"/>
          <w:numId w:val="9"/>
        </w:numPr>
        <w:rPr>
          <w:rFonts w:ascii="Aptos" w:hAnsi="Aptos" w:eastAsia="Aptos" w:cs="Aptos"/>
          <w:noProof w:val="0"/>
          <w:sz w:val="24"/>
          <w:szCs w:val="24"/>
          <w:lang w:val="en-US"/>
        </w:rPr>
      </w:pPr>
      <w:r w:rsidRPr="67C5D71E" w:rsidR="7486F6CD">
        <w:rPr>
          <w:rFonts w:ascii="Aptos" w:hAnsi="Aptos" w:eastAsia="Aptos" w:cs="Aptos"/>
          <w:noProof w:val="0"/>
          <w:sz w:val="24"/>
          <w:szCs w:val="24"/>
          <w:lang w:val="en-US"/>
        </w:rPr>
        <w:t>Add the API key to the environment variables, and then add a new variable named INTE</w:t>
      </w:r>
      <w:r w:rsidRPr="67C5D71E" w:rsidR="298DAAA6">
        <w:rPr>
          <w:rFonts w:ascii="Aptos" w:hAnsi="Aptos" w:eastAsia="Aptos" w:cs="Aptos"/>
          <w:noProof w:val="0"/>
          <w:sz w:val="24"/>
          <w:szCs w:val="24"/>
          <w:lang w:val="en-US"/>
        </w:rPr>
        <w:t xml:space="preserve">ZER_API_KEY </w:t>
      </w:r>
      <w:r w:rsidRPr="67C5D71E" w:rsidR="7486F6CD">
        <w:rPr>
          <w:rFonts w:ascii="Aptos" w:hAnsi="Aptos" w:eastAsia="Aptos" w:cs="Aptos"/>
          <w:noProof w:val="0"/>
          <w:sz w:val="24"/>
          <w:szCs w:val="24"/>
          <w:lang w:val="en-US"/>
        </w:rPr>
        <w:t>with the API key value from earlier</w:t>
      </w:r>
    </w:p>
    <w:p w:rsidR="6CB65EEA" w:rsidP="67C5D71E" w:rsidRDefault="6CB65EEA" w14:paraId="702C6BCA" w14:textId="68292390">
      <w:pPr>
        <w:pStyle w:val="ListParagraph"/>
        <w:numPr>
          <w:ilvl w:val="0"/>
          <w:numId w:val="9"/>
        </w:numPr>
        <w:rPr>
          <w:rFonts w:ascii="Aptos" w:hAnsi="Aptos" w:eastAsia="Aptos" w:cs="Aptos"/>
          <w:noProof w:val="0"/>
          <w:sz w:val="24"/>
          <w:szCs w:val="24"/>
          <w:lang w:val="en-US"/>
        </w:rPr>
      </w:pPr>
      <w:r w:rsidRPr="67C5D71E" w:rsidR="6CB65EEA">
        <w:rPr>
          <w:rFonts w:ascii="Aptos" w:hAnsi="Aptos" w:eastAsia="Aptos" w:cs="Aptos"/>
          <w:noProof w:val="0"/>
          <w:sz w:val="24"/>
          <w:szCs w:val="24"/>
          <w:lang w:val="en-US"/>
        </w:rPr>
        <w:t xml:space="preserve">Once in </w:t>
      </w:r>
      <w:r w:rsidRPr="67C5D71E" w:rsidR="6CB65EEA">
        <w:rPr>
          <w:rFonts w:ascii="Aptos" w:hAnsi="Aptos" w:eastAsia="Aptos" w:cs="Aptos"/>
          <w:noProof w:val="0"/>
          <w:sz w:val="24"/>
          <w:szCs w:val="24"/>
          <w:lang w:val="en-US"/>
        </w:rPr>
        <w:t>Ghidra</w:t>
      </w:r>
      <w:r w:rsidRPr="67C5D71E" w:rsidR="6CB65EEA">
        <w:rPr>
          <w:rFonts w:ascii="Aptos" w:hAnsi="Aptos" w:eastAsia="Aptos" w:cs="Aptos"/>
          <w:noProof w:val="0"/>
          <w:sz w:val="24"/>
          <w:szCs w:val="24"/>
          <w:lang w:val="en-US"/>
        </w:rPr>
        <w:t xml:space="preserve">, in the </w:t>
      </w:r>
      <w:r w:rsidRPr="67C5D71E" w:rsidR="6CB65EEA">
        <w:rPr>
          <w:rFonts w:ascii="Aptos" w:hAnsi="Aptos" w:eastAsia="Aptos" w:cs="Aptos"/>
          <w:noProof w:val="0"/>
          <w:sz w:val="24"/>
          <w:szCs w:val="24"/>
          <w:lang w:val="en-US"/>
        </w:rPr>
        <w:t>CodeBrowser</w:t>
      </w:r>
      <w:r w:rsidRPr="67C5D71E" w:rsidR="6CB65EEA">
        <w:rPr>
          <w:rFonts w:ascii="Aptos" w:hAnsi="Aptos" w:eastAsia="Aptos" w:cs="Aptos"/>
          <w:noProof w:val="0"/>
          <w:sz w:val="24"/>
          <w:szCs w:val="24"/>
          <w:lang w:val="en-US"/>
        </w:rPr>
        <w:t xml:space="preserve"> tool: click Window menu &gt; Bundle Manger</w:t>
      </w:r>
    </w:p>
    <w:p w:rsidR="71592F9C" w:rsidP="67C5D71E" w:rsidRDefault="71592F9C" w14:paraId="1D72F865" w14:textId="15272CEC">
      <w:pPr>
        <w:pStyle w:val="ListParagraph"/>
        <w:numPr>
          <w:ilvl w:val="0"/>
          <w:numId w:val="9"/>
        </w:numPr>
        <w:rPr>
          <w:rFonts w:ascii="Aptos" w:hAnsi="Aptos" w:eastAsia="Aptos" w:cs="Aptos"/>
          <w:noProof w:val="0"/>
          <w:sz w:val="24"/>
          <w:szCs w:val="24"/>
          <w:lang w:val="en-US"/>
        </w:rPr>
      </w:pPr>
      <w:r w:rsidRPr="67C5D71E" w:rsidR="71592F9C">
        <w:rPr>
          <w:rFonts w:ascii="Aptos" w:hAnsi="Aptos" w:eastAsia="Aptos" w:cs="Aptos"/>
          <w:noProof w:val="0"/>
          <w:sz w:val="24"/>
          <w:szCs w:val="24"/>
          <w:lang w:val="en-US"/>
        </w:rPr>
        <w:t xml:space="preserve">In the Bundle Manger, </w:t>
      </w:r>
      <w:r w:rsidRPr="67C5D71E" w:rsidR="641D3A2A">
        <w:rPr>
          <w:rFonts w:ascii="Aptos" w:hAnsi="Aptos" w:eastAsia="Aptos" w:cs="Aptos"/>
          <w:noProof w:val="0"/>
          <w:sz w:val="24"/>
          <w:szCs w:val="24"/>
          <w:lang w:val="en-US"/>
        </w:rPr>
        <w:t xml:space="preserve">Click the Green + button at the top right corner of the </w:t>
      </w:r>
      <w:r w:rsidRPr="67C5D71E" w:rsidR="1CD88ABC">
        <w:rPr>
          <w:rFonts w:ascii="Aptos" w:hAnsi="Aptos" w:eastAsia="Aptos" w:cs="Aptos"/>
          <w:noProof w:val="0"/>
          <w:sz w:val="24"/>
          <w:szCs w:val="24"/>
          <w:lang w:val="en-US"/>
        </w:rPr>
        <w:t>window, once hovered a “Display file chooser to add bundles to list” should appear.</w:t>
      </w:r>
    </w:p>
    <w:p w:rsidR="57896F83" w:rsidP="67C5D71E" w:rsidRDefault="57896F83" w14:paraId="6AFFB9E8" w14:textId="39E13CBD">
      <w:pPr>
        <w:pStyle w:val="ListParagraph"/>
        <w:numPr>
          <w:ilvl w:val="0"/>
          <w:numId w:val="9"/>
        </w:numPr>
        <w:rPr>
          <w:rFonts w:ascii="Aptos" w:hAnsi="Aptos" w:eastAsia="Aptos" w:cs="Aptos"/>
          <w:noProof w:val="0"/>
          <w:sz w:val="24"/>
          <w:szCs w:val="24"/>
          <w:lang w:val="en-US"/>
        </w:rPr>
      </w:pPr>
      <w:r w:rsidRPr="67C5D71E" w:rsidR="57896F83">
        <w:rPr>
          <w:rFonts w:ascii="Aptos" w:hAnsi="Aptos" w:eastAsia="Aptos" w:cs="Aptos"/>
          <w:noProof w:val="0"/>
          <w:sz w:val="24"/>
          <w:szCs w:val="24"/>
          <w:lang w:val="en-US"/>
        </w:rPr>
        <w:t>Go to the directory “analyze-community-</w:t>
      </w:r>
      <w:r w:rsidRPr="67C5D71E" w:rsidR="57896F83">
        <w:rPr>
          <w:rFonts w:ascii="Aptos" w:hAnsi="Aptos" w:eastAsia="Aptos" w:cs="Aptos"/>
          <w:noProof w:val="0"/>
          <w:sz w:val="24"/>
          <w:szCs w:val="24"/>
          <w:lang w:val="en-US"/>
        </w:rPr>
        <w:t>ghidra</w:t>
      </w:r>
      <w:r w:rsidRPr="67C5D71E" w:rsidR="57896F83">
        <w:rPr>
          <w:rFonts w:ascii="Aptos" w:hAnsi="Aptos" w:eastAsia="Aptos" w:cs="Aptos"/>
          <w:noProof w:val="0"/>
          <w:sz w:val="24"/>
          <w:szCs w:val="24"/>
          <w:lang w:val="en-US"/>
        </w:rPr>
        <w:t>-plugin" wherever you cloned it by git and click OK. The path should appear in a table, and should have a checkbox to the left of it check while being in a g</w:t>
      </w:r>
      <w:r w:rsidRPr="67C5D71E" w:rsidR="317241EA">
        <w:rPr>
          <w:rFonts w:ascii="Aptos" w:hAnsi="Aptos" w:eastAsia="Aptos" w:cs="Aptos"/>
          <w:noProof w:val="0"/>
          <w:sz w:val="24"/>
          <w:szCs w:val="24"/>
          <w:lang w:val="en-US"/>
        </w:rPr>
        <w:t>reen text</w:t>
      </w:r>
    </w:p>
    <w:p w:rsidR="317241EA" w:rsidP="67C5D71E" w:rsidRDefault="317241EA" w14:paraId="70ADE07F" w14:textId="60E18752">
      <w:pPr>
        <w:pStyle w:val="ListParagraph"/>
        <w:numPr>
          <w:ilvl w:val="0"/>
          <w:numId w:val="9"/>
        </w:numPr>
        <w:rPr>
          <w:rFonts w:ascii="Aptos" w:hAnsi="Aptos" w:eastAsia="Aptos" w:cs="Aptos"/>
          <w:noProof w:val="0"/>
          <w:sz w:val="24"/>
          <w:szCs w:val="24"/>
          <w:lang w:val="en-US"/>
        </w:rPr>
      </w:pPr>
      <w:r w:rsidRPr="67C5D71E" w:rsidR="317241EA">
        <w:rPr>
          <w:rFonts w:ascii="Aptos" w:hAnsi="Aptos" w:eastAsia="Aptos" w:cs="Aptos"/>
          <w:noProof w:val="0"/>
          <w:sz w:val="24"/>
          <w:szCs w:val="24"/>
          <w:lang w:val="en-US"/>
        </w:rPr>
        <w:t xml:space="preserve">While in </w:t>
      </w:r>
      <w:r w:rsidRPr="67C5D71E" w:rsidR="317241EA">
        <w:rPr>
          <w:rFonts w:ascii="Aptos" w:hAnsi="Aptos" w:eastAsia="Aptos" w:cs="Aptos"/>
          <w:noProof w:val="0"/>
          <w:sz w:val="24"/>
          <w:szCs w:val="24"/>
          <w:lang w:val="en-US"/>
        </w:rPr>
        <w:t>Ghidra</w:t>
      </w:r>
      <w:r w:rsidRPr="67C5D71E" w:rsidR="317241EA">
        <w:rPr>
          <w:rFonts w:ascii="Aptos" w:hAnsi="Aptos" w:eastAsia="Aptos" w:cs="Aptos"/>
          <w:noProof w:val="0"/>
          <w:sz w:val="24"/>
          <w:szCs w:val="24"/>
          <w:lang w:val="en-US"/>
        </w:rPr>
        <w:t xml:space="preserve">, from the </w:t>
      </w:r>
      <w:r w:rsidRPr="67C5D71E" w:rsidR="317241EA">
        <w:rPr>
          <w:rFonts w:ascii="Aptos" w:hAnsi="Aptos" w:eastAsia="Aptos" w:cs="Aptos"/>
          <w:noProof w:val="0"/>
          <w:sz w:val="24"/>
          <w:szCs w:val="24"/>
          <w:lang w:val="en-US"/>
        </w:rPr>
        <w:t>CodeBro</w:t>
      </w:r>
      <w:r w:rsidRPr="67C5D71E" w:rsidR="317241EA">
        <w:rPr>
          <w:rFonts w:ascii="Aptos" w:hAnsi="Aptos" w:eastAsia="Aptos" w:cs="Aptos"/>
          <w:noProof w:val="0"/>
          <w:sz w:val="24"/>
          <w:szCs w:val="24"/>
          <w:lang w:val="en-US"/>
        </w:rPr>
        <w:t>w</w:t>
      </w:r>
      <w:r w:rsidRPr="67C5D71E" w:rsidR="317241EA">
        <w:rPr>
          <w:rFonts w:ascii="Aptos" w:hAnsi="Aptos" w:eastAsia="Aptos" w:cs="Aptos"/>
          <w:noProof w:val="0"/>
          <w:sz w:val="24"/>
          <w:szCs w:val="24"/>
          <w:lang w:val="en-US"/>
        </w:rPr>
        <w:t>ser</w:t>
      </w:r>
      <w:r w:rsidRPr="67C5D71E" w:rsidR="317241EA">
        <w:rPr>
          <w:rFonts w:ascii="Aptos" w:hAnsi="Aptos" w:eastAsia="Aptos" w:cs="Aptos"/>
          <w:noProof w:val="0"/>
          <w:sz w:val="24"/>
          <w:szCs w:val="24"/>
          <w:lang w:val="en-US"/>
        </w:rPr>
        <w:t xml:space="preserve"> </w:t>
      </w:r>
      <w:r w:rsidRPr="67C5D71E" w:rsidR="317241EA">
        <w:rPr>
          <w:rFonts w:ascii="Aptos" w:hAnsi="Aptos" w:eastAsia="Aptos" w:cs="Aptos"/>
          <w:noProof w:val="0"/>
          <w:sz w:val="24"/>
          <w:szCs w:val="24"/>
          <w:lang w:val="en-US"/>
        </w:rPr>
        <w:t>win</w:t>
      </w:r>
      <w:r w:rsidRPr="67C5D71E" w:rsidR="317241EA">
        <w:rPr>
          <w:rFonts w:ascii="Aptos" w:hAnsi="Aptos" w:eastAsia="Aptos" w:cs="Aptos"/>
          <w:noProof w:val="0"/>
          <w:sz w:val="24"/>
          <w:szCs w:val="24"/>
          <w:lang w:val="en-US"/>
        </w:rPr>
        <w:t xml:space="preserve">dow: click Window menu – Script Manager </w:t>
      </w:r>
      <w:r w:rsidRPr="67C5D71E" w:rsidR="317241EA">
        <w:rPr>
          <w:rFonts w:ascii="Aptos" w:hAnsi="Aptos" w:eastAsia="Aptos" w:cs="Aptos"/>
          <w:noProof w:val="0"/>
          <w:sz w:val="24"/>
          <w:szCs w:val="24"/>
          <w:lang w:val="en-US"/>
        </w:rPr>
        <w:t>–</w:t>
      </w:r>
      <w:r w:rsidRPr="67C5D71E" w:rsidR="317241EA">
        <w:rPr>
          <w:rFonts w:ascii="Aptos" w:hAnsi="Aptos" w:eastAsia="Aptos" w:cs="Aptos"/>
          <w:noProof w:val="0"/>
          <w:sz w:val="24"/>
          <w:szCs w:val="24"/>
          <w:lang w:val="en-US"/>
        </w:rPr>
        <w:t xml:space="preserve"> Filter</w:t>
      </w:r>
      <w:r w:rsidRPr="67C5D71E" w:rsidR="317241EA">
        <w:rPr>
          <w:rFonts w:ascii="Aptos" w:hAnsi="Aptos" w:eastAsia="Aptos" w:cs="Aptos"/>
          <w:noProof w:val="0"/>
          <w:sz w:val="24"/>
          <w:szCs w:val="24"/>
          <w:lang w:val="en-US"/>
        </w:rPr>
        <w:t xml:space="preserve"> </w:t>
      </w:r>
      <w:r w:rsidRPr="67C5D71E" w:rsidR="317241EA">
        <w:rPr>
          <w:rFonts w:ascii="Aptos" w:hAnsi="Aptos" w:eastAsia="Aptos" w:cs="Aptos"/>
          <w:noProof w:val="0"/>
          <w:sz w:val="24"/>
          <w:szCs w:val="24"/>
          <w:lang w:val="en-US"/>
        </w:rPr>
        <w:t>‘</w:t>
      </w:r>
      <w:r w:rsidRPr="67C5D71E" w:rsidR="317241EA">
        <w:rPr>
          <w:rFonts w:ascii="Aptos" w:hAnsi="Aptos" w:eastAsia="Aptos" w:cs="Aptos"/>
          <w:noProof w:val="0"/>
          <w:sz w:val="24"/>
          <w:szCs w:val="24"/>
          <w:lang w:val="en-US"/>
        </w:rPr>
        <w:t>intezer</w:t>
      </w:r>
      <w:r w:rsidRPr="67C5D71E" w:rsidR="317241EA">
        <w:rPr>
          <w:rFonts w:ascii="Aptos" w:hAnsi="Aptos" w:eastAsia="Aptos" w:cs="Aptos"/>
          <w:noProof w:val="0"/>
          <w:sz w:val="24"/>
          <w:szCs w:val="24"/>
          <w:lang w:val="en-US"/>
        </w:rPr>
        <w:t xml:space="preserve">’ </w:t>
      </w:r>
      <w:r w:rsidRPr="67C5D71E" w:rsidR="317241EA">
        <w:rPr>
          <w:rFonts w:ascii="Aptos" w:hAnsi="Aptos" w:eastAsia="Aptos" w:cs="Aptos"/>
          <w:noProof w:val="0"/>
          <w:sz w:val="24"/>
          <w:szCs w:val="24"/>
          <w:lang w:val="en-US"/>
        </w:rPr>
        <w:t>- Double click ‘intezer_ana</w:t>
      </w:r>
      <w:r w:rsidRPr="67C5D71E" w:rsidR="432ED828">
        <w:rPr>
          <w:rFonts w:ascii="Aptos" w:hAnsi="Aptos" w:eastAsia="Aptos" w:cs="Aptos"/>
          <w:noProof w:val="0"/>
          <w:sz w:val="24"/>
          <w:szCs w:val="24"/>
          <w:lang w:val="en-US"/>
        </w:rPr>
        <w:t>lyze_gh_community.py</w:t>
      </w:r>
      <w:r w:rsidRPr="67C5D71E" w:rsidR="432ED828">
        <w:rPr>
          <w:rFonts w:ascii="Aptos" w:hAnsi="Aptos" w:eastAsia="Aptos" w:cs="Aptos"/>
          <w:noProof w:val="0"/>
          <w:sz w:val="24"/>
          <w:szCs w:val="24"/>
          <w:lang w:val="en-US"/>
        </w:rPr>
        <w:t>’.</w:t>
      </w:r>
      <w:r w:rsidRPr="67C5D71E" w:rsidR="432ED828">
        <w:rPr>
          <w:rFonts w:ascii="Aptos" w:hAnsi="Aptos" w:eastAsia="Aptos" w:cs="Aptos"/>
          <w:noProof w:val="0"/>
          <w:sz w:val="24"/>
          <w:szCs w:val="24"/>
          <w:lang w:val="en-US"/>
        </w:rPr>
        <w:t xml:space="preserve"> </w:t>
      </w:r>
    </w:p>
    <w:p w:rsidR="67C5D71E" w:rsidP="67C5D71E" w:rsidRDefault="67C5D71E" w14:paraId="06D10E07" w14:textId="19C3096C">
      <w:pPr>
        <w:pStyle w:val="Normal"/>
        <w:ind w:left="0"/>
        <w:rPr>
          <w:rFonts w:ascii="Aptos" w:hAnsi="Aptos" w:eastAsia="Aptos" w:cs="Aptos"/>
          <w:noProof w:val="0"/>
          <w:sz w:val="24"/>
          <w:szCs w:val="24"/>
          <w:lang w:val="en-US"/>
        </w:rPr>
      </w:pPr>
    </w:p>
    <w:p w:rsidR="6358336D" w:rsidP="67C5D71E" w:rsidRDefault="6358336D" w14:paraId="53A46BC4" w14:textId="5B04FD0B">
      <w:pPr>
        <w:pStyle w:val="Normal"/>
        <w:rPr>
          <w:rFonts w:ascii="Aptos" w:hAnsi="Aptos" w:eastAsia="Aptos" w:cs="Aptos"/>
          <w:noProof w:val="0"/>
          <w:sz w:val="24"/>
          <w:szCs w:val="24"/>
          <w:lang w:val="en-US"/>
        </w:rPr>
      </w:pPr>
      <w:r w:rsidRPr="67C5D71E" w:rsidR="6358336D">
        <w:rPr>
          <w:rFonts w:ascii="Aptos" w:hAnsi="Aptos" w:eastAsia="Aptos" w:cs="Aptos"/>
          <w:noProof w:val="0"/>
          <w:sz w:val="24"/>
          <w:szCs w:val="24"/>
          <w:lang w:val="en-US"/>
        </w:rPr>
        <w:t xml:space="preserve">Source: </w:t>
      </w:r>
      <w:hyperlink r:id="Ra06e79a587bc4f3d">
        <w:r w:rsidRPr="67C5D71E" w:rsidR="6358336D">
          <w:rPr>
            <w:rStyle w:val="Hyperlink"/>
            <w:rFonts w:ascii="Aptos" w:hAnsi="Aptos" w:eastAsia="Aptos" w:cs="Aptos"/>
            <w:noProof w:val="0"/>
            <w:sz w:val="24"/>
            <w:szCs w:val="24"/>
            <w:lang w:val="en-US"/>
          </w:rPr>
          <w:t>GitHub - quark-engine/ghidraquark: GhidraQuark bridges Quark Engine into Ghidra</w:t>
        </w:r>
      </w:hyperlink>
    </w:p>
    <w:p w:rsidR="67C5D71E" w:rsidP="67C5D71E" w:rsidRDefault="67C5D71E" w14:paraId="58673794" w14:textId="78C37094">
      <w:pPr>
        <w:pStyle w:val="Normal"/>
        <w:rPr>
          <w:rFonts w:ascii="Aptos" w:hAnsi="Aptos" w:eastAsia="Aptos" w:cs="Aptos"/>
          <w:noProof w:val="0"/>
          <w:sz w:val="24"/>
          <w:szCs w:val="24"/>
          <w:lang w:val="en-US"/>
        </w:rPr>
      </w:pPr>
    </w:p>
    <w:p w:rsidR="5D24E7A5" w:rsidP="6BCA6D52" w:rsidRDefault="5D24E7A5" w14:paraId="2518F0FF" w14:textId="7971E35C">
      <w:pPr>
        <w:pStyle w:val="Normal"/>
        <w:rPr>
          <w:rFonts w:ascii="Aptos" w:hAnsi="Aptos" w:eastAsia="Aptos" w:cs="Aptos"/>
          <w:noProof w:val="0"/>
          <w:sz w:val="24"/>
          <w:szCs w:val="24"/>
          <w:lang w:val="en-US"/>
        </w:rPr>
      </w:pPr>
      <w:r w:rsidRPr="6BCA6D52" w:rsidR="5D24E7A5">
        <w:rPr>
          <w:rFonts w:ascii="Aptos" w:hAnsi="Aptos" w:eastAsia="Aptos" w:cs="Aptos"/>
          <w:noProof w:val="0"/>
          <w:sz w:val="24"/>
          <w:szCs w:val="24"/>
          <w:lang w:val="en-US"/>
        </w:rPr>
        <w:t>Final Phase- WinDbg explanation and using WinDbg</w:t>
      </w:r>
    </w:p>
    <w:p w:rsidR="637EDC3A" w:rsidP="6BCA6D52" w:rsidRDefault="637EDC3A" w14:paraId="430602B9" w14:textId="2E0CC0D2">
      <w:pPr>
        <w:pStyle w:val="Normal"/>
        <w:rPr>
          <w:rFonts w:ascii="Aptos" w:hAnsi="Aptos" w:eastAsia="Aptos" w:cs="Aptos"/>
          <w:noProof w:val="0"/>
          <w:sz w:val="24"/>
          <w:szCs w:val="24"/>
          <w:lang w:val="en-US"/>
        </w:rPr>
      </w:pPr>
      <w:r w:rsidRPr="6BCA6D52" w:rsidR="637EDC3A">
        <w:rPr>
          <w:rFonts w:ascii="Aptos" w:hAnsi="Aptos" w:eastAsia="Aptos" w:cs="Aptos"/>
          <w:noProof w:val="0"/>
          <w:sz w:val="24"/>
          <w:szCs w:val="24"/>
          <w:lang w:val="en-US"/>
        </w:rPr>
        <w:t xml:space="preserve">Intro to </w:t>
      </w:r>
      <w:r w:rsidRPr="6BCA6D52" w:rsidR="637EDC3A">
        <w:rPr>
          <w:rFonts w:ascii="Aptos" w:hAnsi="Aptos" w:eastAsia="Aptos" w:cs="Aptos"/>
          <w:noProof w:val="0"/>
          <w:sz w:val="24"/>
          <w:szCs w:val="24"/>
          <w:lang w:val="en-US"/>
        </w:rPr>
        <w:t>WinDBG</w:t>
      </w:r>
    </w:p>
    <w:p w:rsidR="5C3627B0" w:rsidP="6BCA6D52" w:rsidRDefault="5C3627B0" w14:paraId="7D3CC161" w14:textId="2828F936">
      <w:pPr>
        <w:pStyle w:val="Normal"/>
        <w:rPr>
          <w:rFonts w:ascii="Aptos" w:hAnsi="Aptos" w:eastAsia="Aptos" w:cs="Aptos"/>
          <w:noProof w:val="0"/>
          <w:sz w:val="24"/>
          <w:szCs w:val="24"/>
          <w:lang w:val="en-US"/>
        </w:rPr>
      </w:pPr>
      <w:r w:rsidRPr="6BCA6D52" w:rsidR="5C3627B0">
        <w:rPr>
          <w:rFonts w:ascii="Aptos" w:hAnsi="Aptos" w:eastAsia="Aptos" w:cs="Aptos"/>
          <w:noProof w:val="0"/>
          <w:sz w:val="24"/>
          <w:szCs w:val="24"/>
          <w:lang w:val="en-US"/>
        </w:rPr>
        <w:t>WinDBG</w:t>
      </w:r>
      <w:r w:rsidRPr="6BCA6D52" w:rsidR="5C3627B0">
        <w:rPr>
          <w:rFonts w:ascii="Aptos" w:hAnsi="Aptos" w:eastAsia="Aptos" w:cs="Aptos"/>
          <w:noProof w:val="0"/>
          <w:sz w:val="24"/>
          <w:szCs w:val="24"/>
          <w:lang w:val="en-US"/>
        </w:rPr>
        <w:t xml:space="preserve"> is a powerful debugging tool by Microsoft for debugging Windows kernel-mode and user-mode programs. Used by developers, security researchers and system administrators to ana</w:t>
      </w:r>
      <w:r w:rsidRPr="6BCA6D52" w:rsidR="72469A29">
        <w:rPr>
          <w:rFonts w:ascii="Aptos" w:hAnsi="Aptos" w:eastAsia="Aptos" w:cs="Aptos"/>
          <w:noProof w:val="0"/>
          <w:sz w:val="24"/>
          <w:szCs w:val="24"/>
          <w:lang w:val="en-US"/>
        </w:rPr>
        <w:t>lyze and troubleshoot software and operating systems.</w:t>
      </w:r>
    </w:p>
    <w:p w:rsidR="72469A29" w:rsidP="6BCA6D52" w:rsidRDefault="72469A29" w14:paraId="6249FCE1" w14:textId="7B245A04">
      <w:pPr>
        <w:pStyle w:val="Normal"/>
      </w:pPr>
      <w:r w:rsidR="0146B354">
        <w:rPr/>
        <w:t xml:space="preserve">Installation: </w:t>
      </w:r>
    </w:p>
    <w:p w:rsidR="0146B354" w:rsidP="67C5D71E" w:rsidRDefault="0146B354" w14:paraId="672EB760" w14:textId="0BD177E4">
      <w:pPr>
        <w:pStyle w:val="Normal"/>
      </w:pPr>
      <w:r w:rsidR="0146B354">
        <w:rPr/>
        <w:t>From Online</w:t>
      </w:r>
    </w:p>
    <w:p w:rsidR="0146B354" w:rsidP="67C5D71E" w:rsidRDefault="0146B354" w14:paraId="1E188256" w14:textId="047C17E4">
      <w:pPr>
        <w:pStyle w:val="Normal"/>
        <w:rPr>
          <w:rFonts w:ascii="Aptos" w:hAnsi="Aptos" w:eastAsia="Aptos" w:cs="Aptos"/>
          <w:noProof w:val="0"/>
          <w:sz w:val="24"/>
          <w:szCs w:val="24"/>
          <w:lang w:val="en-US"/>
        </w:rPr>
      </w:pPr>
      <w:r w:rsidR="0146B354">
        <w:drawing>
          <wp:inline wp14:editId="55EBCEDA" wp14:anchorId="00D7284F">
            <wp:extent cx="5943600" cy="4219575"/>
            <wp:effectExtent l="0" t="0" r="0" b="0"/>
            <wp:docPr id="871207936" name="" descr="A screenshot of a computer program&#10;&#10;Description automatically generated" title=""/>
            <wp:cNvGraphicFramePr>
              <a:graphicFrameLocks noChangeAspect="1"/>
            </wp:cNvGraphicFramePr>
            <a:graphic>
              <a:graphicData uri="http://schemas.openxmlformats.org/drawingml/2006/picture">
                <pic:pic>
                  <pic:nvPicPr>
                    <pic:cNvPr id="0" name=""/>
                    <pic:cNvPicPr/>
                  </pic:nvPicPr>
                  <pic:blipFill>
                    <a:blip r:embed="R8cf041862f834bde">
                      <a:extLst>
                        <a:ext xmlns:a="http://schemas.openxmlformats.org/drawingml/2006/main" uri="{28A0092B-C50C-407E-A947-70E740481C1C}">
                          <a14:useLocalDpi val="0"/>
                        </a:ext>
                      </a:extLst>
                    </a:blip>
                    <a:stretch>
                      <a:fillRect/>
                    </a:stretch>
                  </pic:blipFill>
                  <pic:spPr>
                    <a:xfrm>
                      <a:off x="0" y="0"/>
                      <a:ext cx="5943600" cy="4219575"/>
                    </a:xfrm>
                    <a:prstGeom prst="rect">
                      <a:avLst/>
                    </a:prstGeom>
                  </pic:spPr>
                </pic:pic>
              </a:graphicData>
            </a:graphic>
          </wp:inline>
        </w:drawing>
      </w:r>
      <w:r w:rsidRPr="67C5D71E" w:rsidR="0146B354">
        <w:rPr>
          <w:rFonts w:ascii="Aptos" w:hAnsi="Aptos" w:eastAsia="Aptos" w:cs="Aptos"/>
          <w:noProof w:val="0"/>
          <w:sz w:val="24"/>
          <w:szCs w:val="24"/>
          <w:lang w:val="en-US"/>
        </w:rPr>
        <w:t>From Microsoft Store:</w:t>
      </w:r>
    </w:p>
    <w:p w:rsidR="0146B354" w:rsidP="67C5D71E" w:rsidRDefault="0146B354" w14:paraId="02E0ABCA" w14:textId="78AF1B4F">
      <w:pPr>
        <w:pStyle w:val="Normal"/>
        <w:rPr>
          <w:rFonts w:ascii="Aptos" w:hAnsi="Aptos" w:eastAsia="Aptos" w:cs="Aptos"/>
          <w:noProof w:val="0"/>
          <w:sz w:val="24"/>
          <w:szCs w:val="24"/>
          <w:lang w:val="en-US"/>
        </w:rPr>
      </w:pPr>
      <w:r w:rsidR="0146B354">
        <w:drawing>
          <wp:inline wp14:editId="48BB91B2" wp14:anchorId="527B65DC">
            <wp:extent cx="5943600" cy="3219450"/>
            <wp:effectExtent l="0" t="0" r="0" b="0"/>
            <wp:docPr id="619297708" name="" title=""/>
            <wp:cNvGraphicFramePr>
              <a:graphicFrameLocks noChangeAspect="1"/>
            </wp:cNvGraphicFramePr>
            <a:graphic>
              <a:graphicData uri="http://schemas.openxmlformats.org/drawingml/2006/picture">
                <pic:pic>
                  <pic:nvPicPr>
                    <pic:cNvPr id="0" name=""/>
                    <pic:cNvPicPr/>
                  </pic:nvPicPr>
                  <pic:blipFill>
                    <a:blip r:embed="R6083c03097894725">
                      <a:extLst>
                        <a:ext xmlns:a="http://schemas.openxmlformats.org/drawingml/2006/main" uri="{28A0092B-C50C-407E-A947-70E740481C1C}">
                          <a14:useLocalDpi val="0"/>
                        </a:ext>
                      </a:extLst>
                    </a:blip>
                    <a:stretch>
                      <a:fillRect/>
                    </a:stretch>
                  </pic:blipFill>
                  <pic:spPr>
                    <a:xfrm>
                      <a:off x="0" y="0"/>
                      <a:ext cx="5943600" cy="3219450"/>
                    </a:xfrm>
                    <a:prstGeom prst="rect">
                      <a:avLst/>
                    </a:prstGeom>
                  </pic:spPr>
                </pic:pic>
              </a:graphicData>
            </a:graphic>
          </wp:inline>
        </w:drawing>
      </w:r>
    </w:p>
    <w:p w:rsidR="67C5D71E" w:rsidP="67C5D71E" w:rsidRDefault="67C5D71E" w14:paraId="4580DDB2" w14:textId="4E876A38">
      <w:pPr>
        <w:pStyle w:val="Normal"/>
        <w:rPr>
          <w:rFonts w:ascii="Aptos" w:hAnsi="Aptos" w:eastAsia="Aptos" w:cs="Aptos"/>
          <w:noProof w:val="0"/>
          <w:sz w:val="24"/>
          <w:szCs w:val="24"/>
          <w:lang w:val="en-US"/>
        </w:rPr>
      </w:pPr>
    </w:p>
    <w:p w:rsidR="637EDC3A" w:rsidP="6BCA6D52" w:rsidRDefault="637EDC3A" w14:paraId="6EB24CED" w14:textId="3061AF46">
      <w:pPr>
        <w:pStyle w:val="Normal"/>
        <w:rPr>
          <w:rFonts w:ascii="Aptos" w:hAnsi="Aptos" w:eastAsia="Aptos" w:cs="Aptos"/>
          <w:noProof w:val="0"/>
          <w:sz w:val="24"/>
          <w:szCs w:val="24"/>
          <w:lang w:val="en-US"/>
        </w:rPr>
      </w:pPr>
      <w:r w:rsidR="637EDC3A">
        <w:drawing>
          <wp:inline wp14:editId="43F5AE7B" wp14:anchorId="5A36EE59">
            <wp:extent cx="5943600" cy="2981325"/>
            <wp:effectExtent l="0" t="0" r="0" b="0"/>
            <wp:docPr id="736259163" name="" title=""/>
            <wp:cNvGraphicFramePr>
              <a:graphicFrameLocks noChangeAspect="1"/>
            </wp:cNvGraphicFramePr>
            <a:graphic>
              <a:graphicData uri="http://schemas.openxmlformats.org/drawingml/2006/picture">
                <pic:pic>
                  <pic:nvPicPr>
                    <pic:cNvPr id="0" name=""/>
                    <pic:cNvPicPr/>
                  </pic:nvPicPr>
                  <pic:blipFill>
                    <a:blip r:embed="Rf2dd670555a747aa">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2981325"/>
                    </a:xfrm>
                    <a:prstGeom prst="rect">
                      <a:avLst/>
                    </a:prstGeom>
                  </pic:spPr>
                </pic:pic>
              </a:graphicData>
            </a:graphic>
          </wp:inline>
        </w:drawing>
      </w:r>
      <w:r w:rsidR="637EDC3A">
        <w:drawing>
          <wp:inline wp14:editId="3F7388F5" wp14:anchorId="34D21A39">
            <wp:extent cx="5943600" cy="3171825"/>
            <wp:effectExtent l="0" t="0" r="0" b="0"/>
            <wp:docPr id="275515538" name="" title=""/>
            <wp:cNvGraphicFramePr>
              <a:graphicFrameLocks noChangeAspect="1"/>
            </wp:cNvGraphicFramePr>
            <a:graphic>
              <a:graphicData uri="http://schemas.openxmlformats.org/drawingml/2006/picture">
                <pic:pic>
                  <pic:nvPicPr>
                    <pic:cNvPr id="0" name=""/>
                    <pic:cNvPicPr/>
                  </pic:nvPicPr>
                  <pic:blipFill>
                    <a:blip r:embed="Rf4494d3c3a3e42d5">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3171825"/>
                    </a:xfrm>
                    <a:prstGeom prst="rect">
                      <a:avLst/>
                    </a:prstGeom>
                  </pic:spPr>
                </pic:pic>
              </a:graphicData>
            </a:graphic>
          </wp:inline>
        </w:drawing>
      </w:r>
    </w:p>
    <w:p w:rsidR="67C5D71E" w:rsidP="67C5D71E" w:rsidRDefault="67C5D71E" w14:paraId="63AAD9BD" w14:textId="46861276">
      <w:pPr>
        <w:pStyle w:val="Normal"/>
        <w:rPr>
          <w:rFonts w:ascii="Aptos" w:hAnsi="Aptos" w:eastAsia="Aptos" w:cs="Aptos"/>
          <w:noProof w:val="0"/>
          <w:sz w:val="24"/>
          <w:szCs w:val="24"/>
          <w:lang w:val="en-US"/>
        </w:rPr>
      </w:pPr>
    </w:p>
    <w:p w:rsidR="2517DFD2" w:rsidP="67C5D71E" w:rsidRDefault="2517DFD2" w14:paraId="1BFC788D" w14:textId="67463FC7">
      <w:pPr>
        <w:pStyle w:val="Normal"/>
        <w:rPr>
          <w:rFonts w:ascii="Aptos" w:hAnsi="Aptos" w:eastAsia="Aptos" w:cs="Aptos"/>
          <w:noProof w:val="0"/>
          <w:sz w:val="24"/>
          <w:szCs w:val="24"/>
          <w:lang w:val="en-US"/>
        </w:rPr>
      </w:pPr>
      <w:r w:rsidRPr="67C5D71E" w:rsidR="2517DFD2">
        <w:rPr>
          <w:rFonts w:ascii="Aptos" w:hAnsi="Aptos" w:eastAsia="Aptos" w:cs="Aptos"/>
          <w:noProof w:val="0"/>
          <w:sz w:val="24"/>
          <w:szCs w:val="24"/>
          <w:lang w:val="en-US"/>
        </w:rPr>
        <w:t>The WinDbg</w:t>
      </w:r>
    </w:p>
    <w:p w:rsidR="2517DFD2" w:rsidP="67C5D71E" w:rsidRDefault="2517DFD2" w14:paraId="5C0C46EE" w14:textId="4D1326EA">
      <w:pPr>
        <w:pStyle w:val="Normal"/>
        <w:rPr>
          <w:rFonts w:ascii="Aptos" w:hAnsi="Aptos" w:eastAsia="Aptos" w:cs="Aptos"/>
          <w:noProof w:val="0"/>
          <w:sz w:val="24"/>
          <w:szCs w:val="24"/>
          <w:lang w:val="en-US"/>
        </w:rPr>
      </w:pPr>
      <w:r w:rsidRPr="67C5D71E" w:rsidR="2517DFD2">
        <w:rPr>
          <w:rFonts w:ascii="Aptos" w:hAnsi="Aptos" w:eastAsia="Aptos" w:cs="Aptos"/>
          <w:noProof w:val="0"/>
          <w:sz w:val="24"/>
          <w:szCs w:val="24"/>
          <w:lang w:val="en-US"/>
        </w:rPr>
        <w:t xml:space="preserve">So overall, </w:t>
      </w:r>
      <w:r w:rsidRPr="67C5D71E" w:rsidR="266FFDF9">
        <w:rPr>
          <w:rFonts w:ascii="Aptos" w:hAnsi="Aptos" w:eastAsia="Aptos" w:cs="Aptos"/>
          <w:noProof w:val="0"/>
          <w:sz w:val="24"/>
          <w:szCs w:val="24"/>
          <w:lang w:val="en-US"/>
        </w:rPr>
        <w:t xml:space="preserve">The Debugging of the Alina Malware (aka Spark.exe) was not a complete success, as an important asset known as symbols was unable to load into it which </w:t>
      </w:r>
      <w:r w:rsidRPr="67C5D71E" w:rsidR="266FFDF9">
        <w:rPr>
          <w:rFonts w:ascii="Aptos" w:hAnsi="Aptos" w:eastAsia="Aptos" w:cs="Aptos"/>
          <w:noProof w:val="0"/>
          <w:sz w:val="24"/>
          <w:szCs w:val="24"/>
          <w:lang w:val="en-US"/>
        </w:rPr>
        <w:t>would’ve</w:t>
      </w:r>
      <w:r w:rsidRPr="67C5D71E" w:rsidR="266FFDF9">
        <w:rPr>
          <w:rFonts w:ascii="Aptos" w:hAnsi="Aptos" w:eastAsia="Aptos" w:cs="Aptos"/>
          <w:noProof w:val="0"/>
          <w:sz w:val="24"/>
          <w:szCs w:val="24"/>
          <w:lang w:val="en-US"/>
        </w:rPr>
        <w:t xml:space="preserve"> helped with the </w:t>
      </w:r>
      <w:r w:rsidRPr="67C5D71E" w:rsidR="6AF7476C">
        <w:rPr>
          <w:rFonts w:ascii="Aptos" w:hAnsi="Aptos" w:eastAsia="Aptos" w:cs="Aptos"/>
          <w:noProof w:val="0"/>
          <w:sz w:val="24"/>
          <w:szCs w:val="24"/>
          <w:lang w:val="en-US"/>
        </w:rPr>
        <w:t xml:space="preserve">execution of the malware of the debugger, however much we wanted it to be working. </w:t>
      </w:r>
    </w:p>
    <w:p w:rsidR="67C5D71E" w:rsidP="67C5D71E" w:rsidRDefault="67C5D71E" w14:paraId="7324AAB3" w14:textId="5A12A06F">
      <w:pPr>
        <w:pStyle w:val="Normal"/>
        <w:rPr>
          <w:rFonts w:ascii="Aptos" w:hAnsi="Aptos" w:eastAsia="Aptos" w:cs="Aptos"/>
          <w:noProof w:val="0"/>
          <w:sz w:val="24"/>
          <w:szCs w:val="24"/>
          <w:lang w:val="en-US"/>
        </w:rPr>
      </w:pPr>
    </w:p>
    <w:p w:rsidR="6AF7476C" w:rsidP="67C5D71E" w:rsidRDefault="6AF7476C" w14:paraId="36AC9EB4" w14:textId="4E252881">
      <w:pPr>
        <w:pStyle w:val="Normal"/>
        <w:rPr>
          <w:rFonts w:ascii="Aptos" w:hAnsi="Aptos" w:eastAsia="Aptos" w:cs="Aptos"/>
          <w:noProof w:val="0"/>
          <w:sz w:val="24"/>
          <w:szCs w:val="24"/>
          <w:lang w:val="en-US"/>
        </w:rPr>
      </w:pPr>
      <w:r w:rsidRPr="67C5D71E" w:rsidR="6AF7476C">
        <w:rPr>
          <w:rFonts w:ascii="Aptos" w:hAnsi="Aptos" w:eastAsia="Aptos" w:cs="Aptos"/>
          <w:noProof w:val="0"/>
          <w:sz w:val="24"/>
          <w:szCs w:val="24"/>
          <w:lang w:val="en-US"/>
        </w:rPr>
        <w:t>In the screenshot below is the insertion of the malware:</w:t>
      </w:r>
    </w:p>
    <w:p w:rsidR="6E237611" w:rsidP="67C5D71E" w:rsidRDefault="6E237611" w14:paraId="7495435F" w14:textId="30389282">
      <w:pPr>
        <w:pStyle w:val="Normal"/>
      </w:pPr>
      <w:r w:rsidR="6E237611">
        <w:drawing>
          <wp:inline wp14:editId="3C8CC1E0" wp14:anchorId="36F020B1">
            <wp:extent cx="5943600" cy="3848100"/>
            <wp:effectExtent l="0" t="0" r="0" b="0"/>
            <wp:docPr id="1683838719" name="" title=""/>
            <wp:cNvGraphicFramePr>
              <a:graphicFrameLocks noChangeAspect="1"/>
            </wp:cNvGraphicFramePr>
            <a:graphic>
              <a:graphicData uri="http://schemas.openxmlformats.org/drawingml/2006/picture">
                <pic:pic>
                  <pic:nvPicPr>
                    <pic:cNvPr id="0" name=""/>
                    <pic:cNvPicPr/>
                  </pic:nvPicPr>
                  <pic:blipFill>
                    <a:blip r:embed="R15d4c1992bb44d39">
                      <a:extLst>
                        <a:ext xmlns:a="http://schemas.openxmlformats.org/drawingml/2006/main" uri="{28A0092B-C50C-407E-A947-70E740481C1C}">
                          <a14:useLocalDpi val="0"/>
                        </a:ext>
                      </a:extLst>
                    </a:blip>
                    <a:stretch>
                      <a:fillRect/>
                    </a:stretch>
                  </pic:blipFill>
                  <pic:spPr>
                    <a:xfrm>
                      <a:off x="0" y="0"/>
                      <a:ext cx="5943600" cy="3848100"/>
                    </a:xfrm>
                    <a:prstGeom prst="rect">
                      <a:avLst/>
                    </a:prstGeom>
                  </pic:spPr>
                </pic:pic>
              </a:graphicData>
            </a:graphic>
          </wp:inline>
        </w:drawing>
      </w:r>
    </w:p>
    <w:p w:rsidR="7A97080A" w:rsidP="67C5D71E" w:rsidRDefault="7A97080A" w14:paraId="45792BB2" w14:textId="28D67290">
      <w:pPr>
        <w:pStyle w:val="Normal"/>
      </w:pPr>
      <w:r w:rsidR="7A97080A">
        <w:rPr/>
        <w:t>Initial set up of the malware within the debugger:</w:t>
      </w:r>
    </w:p>
    <w:p w:rsidR="66327549" w:rsidP="67C5D71E" w:rsidRDefault="66327549" w14:paraId="622CEF04" w14:textId="7B0260B1">
      <w:pPr>
        <w:pStyle w:val="Normal"/>
      </w:pPr>
      <w:r w:rsidR="66327549">
        <w:drawing>
          <wp:inline wp14:editId="42410D87" wp14:anchorId="4826860B">
            <wp:extent cx="5943600" cy="3848100"/>
            <wp:effectExtent l="0" t="0" r="0" b="0"/>
            <wp:docPr id="1127234335" name="" title=""/>
            <wp:cNvGraphicFramePr>
              <a:graphicFrameLocks noChangeAspect="1"/>
            </wp:cNvGraphicFramePr>
            <a:graphic>
              <a:graphicData uri="http://schemas.openxmlformats.org/drawingml/2006/picture">
                <pic:pic>
                  <pic:nvPicPr>
                    <pic:cNvPr id="0" name=""/>
                    <pic:cNvPicPr/>
                  </pic:nvPicPr>
                  <pic:blipFill>
                    <a:blip r:embed="R5e75255bb94b4fd8">
                      <a:extLst>
                        <a:ext xmlns:a="http://schemas.openxmlformats.org/drawingml/2006/main" uri="{28A0092B-C50C-407E-A947-70E740481C1C}">
                          <a14:useLocalDpi val="0"/>
                        </a:ext>
                      </a:extLst>
                    </a:blip>
                    <a:stretch>
                      <a:fillRect/>
                    </a:stretch>
                  </pic:blipFill>
                  <pic:spPr>
                    <a:xfrm>
                      <a:off x="0" y="0"/>
                      <a:ext cx="5943600" cy="3848100"/>
                    </a:xfrm>
                    <a:prstGeom prst="rect">
                      <a:avLst/>
                    </a:prstGeom>
                  </pic:spPr>
                </pic:pic>
              </a:graphicData>
            </a:graphic>
          </wp:inline>
        </w:drawing>
      </w:r>
    </w:p>
    <w:p w:rsidR="67C5D71E" w:rsidP="67C5D71E" w:rsidRDefault="67C5D71E" w14:paraId="023AB377" w14:textId="3AF1F8EB">
      <w:pPr>
        <w:pStyle w:val="Normal"/>
      </w:pPr>
    </w:p>
    <w:p w:rsidR="67C5D71E" w:rsidP="67C5D71E" w:rsidRDefault="67C5D71E" w14:paraId="0C51E79E" w14:textId="54D3A4A4">
      <w:pPr>
        <w:pStyle w:val="Normal"/>
      </w:pPr>
    </w:p>
    <w:p w:rsidR="66327549" w:rsidP="67C5D71E" w:rsidRDefault="66327549" w14:paraId="12243F8D" w14:textId="0BBDD44A">
      <w:pPr>
        <w:pStyle w:val="Normal"/>
      </w:pPr>
      <w:r w:rsidR="66327549">
        <w:rPr/>
        <w:t>The</w:t>
      </w:r>
      <w:r w:rsidR="1B4CFCDF">
        <w:rPr/>
        <w:t xml:space="preserve"> following screenshot </w:t>
      </w:r>
      <w:r w:rsidR="1B4CFCDF">
        <w:rPr/>
        <w:t>showcases</w:t>
      </w:r>
      <w:r w:rsidR="1B4CFCDF">
        <w:rPr/>
        <w:t xml:space="preserve"> the </w:t>
      </w:r>
      <w:r w:rsidR="4DA8E76A">
        <w:rPr/>
        <w:t xml:space="preserve">commands done </w:t>
      </w:r>
      <w:bookmarkStart w:name="_Int_Azblh16s" w:id="16955217"/>
      <w:r w:rsidR="4DA8E76A">
        <w:rPr/>
        <w:t>in order to</w:t>
      </w:r>
      <w:bookmarkEnd w:id="16955217"/>
      <w:r w:rsidR="4DA8E76A">
        <w:rPr/>
        <w:t xml:space="preserve"> load in symbols and its result (</w:t>
      </w:r>
      <w:r w:rsidR="67D49CDA">
        <w:rPr/>
        <w:t>S</w:t>
      </w:r>
      <w:r w:rsidR="4DA8E76A">
        <w:rPr/>
        <w:t>poilers: it failed)</w:t>
      </w:r>
      <w:r w:rsidR="66327549">
        <w:rPr/>
        <w:t>:</w:t>
      </w:r>
      <w:r>
        <w:br/>
      </w:r>
      <w:r w:rsidR="7DCB9E1C">
        <w:drawing>
          <wp:inline wp14:editId="7EFB418C" wp14:anchorId="5C89F889">
            <wp:extent cx="5943600" cy="3848100"/>
            <wp:effectExtent l="0" t="0" r="0" b="0"/>
            <wp:docPr id="408900002" name="" title=""/>
            <wp:cNvGraphicFramePr>
              <a:graphicFrameLocks noChangeAspect="1"/>
            </wp:cNvGraphicFramePr>
            <a:graphic>
              <a:graphicData uri="http://schemas.openxmlformats.org/drawingml/2006/picture">
                <pic:pic>
                  <pic:nvPicPr>
                    <pic:cNvPr id="0" name=""/>
                    <pic:cNvPicPr/>
                  </pic:nvPicPr>
                  <pic:blipFill>
                    <a:blip r:embed="Rcb5bb49e25d74c68">
                      <a:extLst>
                        <a:ext xmlns:a="http://schemas.openxmlformats.org/drawingml/2006/main" uri="{28A0092B-C50C-407E-A947-70E740481C1C}">
                          <a14:useLocalDpi val="0"/>
                        </a:ext>
                      </a:extLst>
                    </a:blip>
                    <a:stretch>
                      <a:fillRect/>
                    </a:stretch>
                  </pic:blipFill>
                  <pic:spPr>
                    <a:xfrm>
                      <a:off x="0" y="0"/>
                      <a:ext cx="5943600" cy="3848100"/>
                    </a:xfrm>
                    <a:prstGeom prst="rect">
                      <a:avLst/>
                    </a:prstGeom>
                  </pic:spPr>
                </pic:pic>
              </a:graphicData>
            </a:graphic>
          </wp:inline>
        </w:drawing>
      </w:r>
      <w:r w:rsidR="7DCB9E1C">
        <w:rPr/>
        <w:t xml:space="preserve">(note: the file specified is </w:t>
      </w:r>
      <w:r w:rsidR="7DCB9E1C">
        <w:rPr/>
        <w:t>literally running</w:t>
      </w:r>
      <w:r w:rsidR="7DCB9E1C">
        <w:rPr/>
        <w:t xml:space="preserve"> in the debugger right now, so there was </w:t>
      </w:r>
      <w:r w:rsidR="7DCB9E1C">
        <w:rPr/>
        <w:t>literally no</w:t>
      </w:r>
      <w:r w:rsidR="7DCB9E1C">
        <w:rPr/>
        <w:t xml:space="preserve"> reason for it not to see anything)</w:t>
      </w:r>
    </w:p>
    <w:p w:rsidR="67C5D71E" w:rsidP="67C5D71E" w:rsidRDefault="67C5D71E" w14:paraId="231BAE44" w14:textId="6177FD93">
      <w:pPr>
        <w:pStyle w:val="Normal"/>
      </w:pPr>
    </w:p>
    <w:p w:rsidR="7DCB9E1C" w:rsidP="67C5D71E" w:rsidRDefault="7DCB9E1C" w14:paraId="28D537F5" w14:textId="1262B28A">
      <w:pPr>
        <w:pStyle w:val="Normal"/>
      </w:pPr>
      <w:r w:rsidR="7DCB9E1C">
        <w:rPr/>
        <w:t>Now, it is still technically possible to continue without the symbols however the issue is these symbols makes it</w:t>
      </w:r>
      <w:r w:rsidR="703C6A69">
        <w:rPr/>
        <w:t xml:space="preserve"> [the debugging code]</w:t>
      </w:r>
      <w:r w:rsidR="7DCB9E1C">
        <w:rPr/>
        <w:t xml:space="preserve"> significantly </w:t>
      </w:r>
      <w:r w:rsidR="59AE0520">
        <w:rPr/>
        <w:t xml:space="preserve">easier to understand and is key to being able to </w:t>
      </w:r>
      <w:r w:rsidR="0FB0ACD4">
        <w:rPr/>
        <w:t xml:space="preserve">do important things such as set proper breakpoints and find the API calls that we need to find to </w:t>
      </w:r>
      <w:r w:rsidR="37339949">
        <w:rPr/>
        <w:t xml:space="preserve">see what causes the malware to run its process. </w:t>
      </w:r>
    </w:p>
    <w:p w:rsidR="6BC75229" w:rsidP="67C5D71E" w:rsidRDefault="6BC75229" w14:paraId="576F3867" w14:textId="15CEF72A">
      <w:pPr>
        <w:pStyle w:val="Normal"/>
      </w:pPr>
      <w:r w:rsidR="6BC75229">
        <w:rPr/>
        <w:t>To further emphasize this point, the following screenshot shows the disassembly of t</w:t>
      </w:r>
      <w:r w:rsidR="722DE88D">
        <w:rPr/>
        <w:t>he code:</w:t>
      </w:r>
    </w:p>
    <w:p w:rsidR="722DE88D" w:rsidP="67C5D71E" w:rsidRDefault="722DE88D" w14:paraId="3FD8393D" w14:textId="604627F1">
      <w:pPr>
        <w:pStyle w:val="Normal"/>
      </w:pPr>
      <w:r w:rsidR="722DE88D">
        <w:drawing>
          <wp:inline wp14:editId="2DD8C18D" wp14:anchorId="6F6EF139">
            <wp:extent cx="4572000" cy="2962275"/>
            <wp:effectExtent l="0" t="0" r="0" b="0"/>
            <wp:docPr id="463004632" name="" title=""/>
            <wp:cNvGraphicFramePr>
              <a:graphicFrameLocks noChangeAspect="1"/>
            </wp:cNvGraphicFramePr>
            <a:graphic>
              <a:graphicData uri="http://schemas.openxmlformats.org/drawingml/2006/picture">
                <pic:pic>
                  <pic:nvPicPr>
                    <pic:cNvPr id="0" name=""/>
                    <pic:cNvPicPr/>
                  </pic:nvPicPr>
                  <pic:blipFill>
                    <a:blip r:embed="R6432545b31e049bc">
                      <a:extLst>
                        <a:ext xmlns:a="http://schemas.openxmlformats.org/drawingml/2006/main" uri="{28A0092B-C50C-407E-A947-70E740481C1C}">
                          <a14:useLocalDpi val="0"/>
                        </a:ext>
                      </a:extLst>
                    </a:blip>
                    <a:stretch>
                      <a:fillRect/>
                    </a:stretch>
                  </pic:blipFill>
                  <pic:spPr>
                    <a:xfrm>
                      <a:off x="0" y="0"/>
                      <a:ext cx="4572000" cy="2962275"/>
                    </a:xfrm>
                    <a:prstGeom prst="rect">
                      <a:avLst/>
                    </a:prstGeom>
                  </pic:spPr>
                </pic:pic>
              </a:graphicData>
            </a:graphic>
          </wp:inline>
        </w:drawing>
      </w:r>
    </w:p>
    <w:p w:rsidR="722DE88D" w:rsidP="67C5D71E" w:rsidRDefault="722DE88D" w14:paraId="718C3B03" w14:textId="66D904B0">
      <w:pPr>
        <w:pStyle w:val="Normal"/>
      </w:pPr>
      <w:r w:rsidR="722DE88D">
        <w:rPr/>
        <w:t xml:space="preserve">As you can see, we </w:t>
      </w:r>
      <w:r w:rsidR="722DE88D">
        <w:rPr/>
        <w:t>literally know</w:t>
      </w:r>
      <w:r w:rsidR="722DE88D">
        <w:rPr/>
        <w:t xml:space="preserve"> only one thing, an integer. Everything else is supposed to be process and integers (which you can see </w:t>
      </w:r>
      <w:r w:rsidR="722DE88D">
        <w:rPr/>
        <w:t>somewhat cl</w:t>
      </w:r>
      <w:r w:rsidR="62501789">
        <w:rPr/>
        <w:t>early</w:t>
      </w:r>
      <w:r w:rsidR="62501789">
        <w:rPr/>
        <w:t xml:space="preserve"> in </w:t>
      </w:r>
      <w:r w:rsidR="62501789">
        <w:rPr/>
        <w:t>Ghidra</w:t>
      </w:r>
      <w:r w:rsidR="62501789">
        <w:rPr/>
        <w:t>), but without the symbols, they are unintelligible.</w:t>
      </w:r>
    </w:p>
    <w:p w:rsidR="2C62494A" w:rsidP="67C5D71E" w:rsidRDefault="2C62494A" w14:paraId="63667976" w14:textId="7C600C42">
      <w:pPr>
        <w:pStyle w:val="Normal"/>
      </w:pPr>
      <w:r w:rsidR="2C62494A">
        <w:drawing>
          <wp:inline wp14:editId="7F39BC41" wp14:anchorId="799D925B">
            <wp:extent cx="5943600" cy="1428750"/>
            <wp:effectExtent l="0" t="0" r="0" b="0"/>
            <wp:docPr id="941724695" name="" title=""/>
            <wp:cNvGraphicFramePr>
              <a:graphicFrameLocks noChangeAspect="1"/>
            </wp:cNvGraphicFramePr>
            <a:graphic>
              <a:graphicData uri="http://schemas.openxmlformats.org/drawingml/2006/picture">
                <pic:pic>
                  <pic:nvPicPr>
                    <pic:cNvPr id="0" name=""/>
                    <pic:cNvPicPr/>
                  </pic:nvPicPr>
                  <pic:blipFill>
                    <a:blip r:embed="R03e9961189184388">
                      <a:extLst>
                        <a:ext xmlns:a="http://schemas.openxmlformats.org/drawingml/2006/main" uri="{28A0092B-C50C-407E-A947-70E740481C1C}">
                          <a14:useLocalDpi val="0"/>
                        </a:ext>
                      </a:extLst>
                    </a:blip>
                    <a:stretch>
                      <a:fillRect/>
                    </a:stretch>
                  </pic:blipFill>
                  <pic:spPr>
                    <a:xfrm>
                      <a:off x="0" y="0"/>
                      <a:ext cx="5943600" cy="1428750"/>
                    </a:xfrm>
                    <a:prstGeom prst="rect">
                      <a:avLst/>
                    </a:prstGeom>
                  </pic:spPr>
                </pic:pic>
              </a:graphicData>
            </a:graphic>
          </wp:inline>
        </w:drawing>
      </w:r>
      <w:r w:rsidR="2C62494A">
        <w:rPr/>
        <w:t xml:space="preserve">This is just to show that even when given the thread, this </w:t>
      </w:r>
      <w:r w:rsidR="2C62494A">
        <w:rPr/>
        <w:t>isn’t</w:t>
      </w:r>
      <w:r w:rsidR="2C62494A">
        <w:rPr/>
        <w:t xml:space="preserve"> valid because this might </w:t>
      </w:r>
      <w:r w:rsidR="2C62494A">
        <w:rPr/>
        <w:t>actually not</w:t>
      </w:r>
      <w:r w:rsidR="2C62494A">
        <w:rPr/>
        <w:t xml:space="preserve"> be a significant address at all. </w:t>
      </w:r>
    </w:p>
    <w:p w:rsidR="67C5D71E" w:rsidP="67C5D71E" w:rsidRDefault="67C5D71E" w14:paraId="0B225336" w14:textId="064F3A0D">
      <w:pPr>
        <w:pStyle w:val="Normal"/>
      </w:pPr>
    </w:p>
    <w:p w:rsidR="67C5D71E" w:rsidP="67C5D71E" w:rsidRDefault="67C5D71E" w14:paraId="7362656A" w14:textId="28355F23">
      <w:pPr>
        <w:pStyle w:val="Normal"/>
      </w:pPr>
    </w:p>
    <w:p w:rsidR="0BB4BBE3" w:rsidP="67C5D71E" w:rsidRDefault="0BB4BBE3" w14:paraId="24A0EFE9" w14:textId="43FF4172">
      <w:pPr>
        <w:pStyle w:val="Normal"/>
      </w:pPr>
      <w:r w:rsidR="0BB4BBE3">
        <w:rPr/>
        <w:t>So, in short, we could not debug it simply because it was literally not possible and my theory has to do with the fact that it is a malware and when symbols are loaded in, it doesn’t work with th</w:t>
      </w:r>
      <w:r w:rsidR="0C38EE05">
        <w:rPr/>
        <w:t xml:space="preserve">e executable because it is using API + thread calls that are foreign to these symbols as an executable (as they have to be </w:t>
      </w:r>
      <w:r w:rsidR="65A8FC5B">
        <w:rPr/>
        <w:t>capable</w:t>
      </w:r>
      <w:r w:rsidR="0C38EE05">
        <w:rPr/>
        <w:t xml:space="preserve"> of symbols from its development if it </w:t>
      </w:r>
      <w:r w:rsidR="51AF7FF5">
        <w:rPr/>
        <w:t>is to work</w:t>
      </w:r>
      <w:r w:rsidR="616711A3">
        <w:rPr/>
        <w:t xml:space="preserve">) </w:t>
      </w:r>
    </w:p>
    <w:p w:rsidR="67C5D71E" w:rsidP="67C5D71E" w:rsidRDefault="67C5D71E" w14:paraId="3BB0C875" w14:textId="49EC6161">
      <w:pPr>
        <w:pStyle w:val="Normal"/>
      </w:pPr>
    </w:p>
    <w:p w:rsidR="6BCA6D52" w:rsidP="6BCA6D52" w:rsidRDefault="6BCA6D52" w14:paraId="37551CE3" w14:textId="768F28B0">
      <w:pPr>
        <w:pStyle w:val="Normal"/>
        <w:rPr>
          <w:rFonts w:ascii="Aptos" w:hAnsi="Aptos" w:eastAsia="Aptos" w:cs="Aptos"/>
          <w:noProof w:val="0"/>
          <w:sz w:val="24"/>
          <w:szCs w:val="24"/>
          <w:lang w:val="en-US"/>
        </w:rPr>
      </w:pPr>
    </w:p>
    <w:p w:rsidR="564E0E6C" w:rsidP="203E67D7" w:rsidRDefault="564E0E6C" w14:paraId="014E0166" w14:textId="2CD11C2B">
      <w:pPr>
        <w:pStyle w:val="Normal"/>
        <w:rPr/>
      </w:pPr>
      <w:r w:rsidR="564E0E6C">
        <w:rPr/>
        <w:t>Source:</w:t>
      </w:r>
    </w:p>
    <w:p w:rsidR="564E0E6C" w:rsidP="203E67D7" w:rsidRDefault="564E0E6C" w14:paraId="5E7E840B" w14:textId="451E61BA">
      <w:pPr>
        <w:pStyle w:val="Normal"/>
      </w:pPr>
      <w:r w:rsidR="3098B9E8">
        <w:rPr/>
        <w:t xml:space="preserve">Main file used: </w:t>
      </w:r>
      <w:hyperlink r:id="Red15fd2f646b45f1">
        <w:r w:rsidRPr="67C5D71E" w:rsidR="564E0E6C">
          <w:rPr>
            <w:rStyle w:val="Hyperlink"/>
          </w:rPr>
          <w:t>https://cdn.ttgtmedia.com/rms/pdf/excerpt_ghidra_bookshelf.pdf</w:t>
        </w:r>
      </w:hyperlink>
      <w:r w:rsidR="564E0E6C">
        <w:rPr/>
        <w:t xml:space="preserve"> </w:t>
      </w:r>
    </w:p>
    <w:p w:rsidR="59AF5280" w:rsidP="2D0C56E7" w:rsidRDefault="59AF5280" w14:paraId="1FEE35D2" w14:textId="1D935A08">
      <w:pPr>
        <w:pStyle w:val="Normal"/>
        <w:rPr>
          <w:rFonts w:ascii="Aptos" w:hAnsi="Aptos" w:eastAsia="Aptos" w:cs="Aptos"/>
          <w:noProof w:val="0"/>
          <w:sz w:val="24"/>
          <w:szCs w:val="24"/>
          <w:lang w:val="en-US"/>
        </w:rPr>
      </w:pPr>
      <w:hyperlink r:id="R68bdb97362224814">
        <w:r w:rsidRPr="2D0C56E7" w:rsidR="59AF5280">
          <w:rPr>
            <w:rStyle w:val="Hyperlink"/>
            <w:rFonts w:ascii="Aptos" w:hAnsi="Aptos" w:eastAsia="Aptos" w:cs="Aptos"/>
            <w:noProof w:val="0"/>
            <w:sz w:val="24"/>
            <w:szCs w:val="24"/>
            <w:lang w:val="en-US"/>
          </w:rPr>
          <w:t>__security_init_cookie | Microsoft Learn</w:t>
        </w:r>
      </w:hyperlink>
    </w:p>
    <w:p w:rsidR="564E0E6C" w:rsidP="203E67D7" w:rsidRDefault="564E0E6C" w14:paraId="2C0AE7D6" w14:textId="7230B0E6">
      <w:pPr>
        <w:pStyle w:val="Normal"/>
      </w:pPr>
      <w:r w:rsidR="60A8AF1D">
        <w:rPr/>
        <w:t xml:space="preserve">Virus Total:  </w:t>
      </w:r>
      <w:hyperlink r:id="R7f895823445b4ea3">
        <w:r w:rsidRPr="67C5D71E" w:rsidR="564E0E6C">
          <w:rPr>
            <w:rStyle w:val="Hyperlink"/>
          </w:rPr>
          <w:t>https://www.virustotal.com/</w:t>
        </w:r>
      </w:hyperlink>
      <w:r w:rsidR="564E0E6C">
        <w:rPr/>
        <w:t xml:space="preserve"> </w:t>
      </w:r>
    </w:p>
    <w:p w:rsidR="0A8BF7CE" w:rsidP="67C5D71E" w:rsidRDefault="0A8BF7CE" w14:paraId="2FDB2B82" w14:textId="5F08BE17">
      <w:pPr>
        <w:pStyle w:val="Normal"/>
      </w:pPr>
      <w:r w:rsidR="0A8BF7CE">
        <w:rPr/>
        <w:t>Ghidra</w:t>
      </w:r>
      <w:r w:rsidR="0A8BF7CE">
        <w:rPr/>
        <w:t xml:space="preserve"> – used to get binary and in-depth decompiling  </w:t>
      </w:r>
    </w:p>
    <w:p w:rsidR="0A8BF7CE" w:rsidP="67C5D71E" w:rsidRDefault="0A8BF7CE" w14:paraId="48B2728B" w14:textId="17057AD6">
      <w:pPr>
        <w:pStyle w:val="Normal"/>
      </w:pPr>
      <w:r w:rsidR="0A8BF7CE">
        <w:rPr/>
        <w:t xml:space="preserve">WinDbg- used for debugging and in-depth research of code  </w:t>
      </w:r>
    </w:p>
    <w:p w:rsidR="0A8BF7CE" w:rsidP="67C5D71E" w:rsidRDefault="0A8BF7CE" w14:paraId="05795BE8" w14:textId="619DCE32">
      <w:pPr>
        <w:pStyle w:val="Normal"/>
      </w:pPr>
      <w:r w:rsidR="0A8BF7CE">
        <w:rPr/>
        <w:t xml:space="preserve">Buffer Overflow Attack with Example - </w:t>
      </w:r>
      <w:r w:rsidR="0A8BF7CE">
        <w:rPr/>
        <w:t>GeeksforGeeks</w:t>
      </w:r>
      <w:r w:rsidR="0A8BF7CE">
        <w:rPr/>
        <w:t xml:space="preserve">  </w:t>
      </w:r>
    </w:p>
    <w:p w:rsidR="0A8BF7CE" w:rsidP="67C5D71E" w:rsidRDefault="0A8BF7CE" w14:paraId="47C509F0" w14:textId="13222DE4">
      <w:pPr>
        <w:pStyle w:val="Normal"/>
      </w:pPr>
      <w:r w:rsidR="0A8BF7CE">
        <w:rPr/>
        <w:t xml:space="preserve"> </w:t>
      </w:r>
      <w:r w:rsidR="0A8BF7CE">
        <w:rPr/>
        <w:t xml:space="preserve">Assembly Language- </w:t>
      </w:r>
      <w:hyperlink r:id="Rcc32839ce0d64a9c">
        <w:r w:rsidRPr="67C5D71E" w:rsidR="0A8BF7CE">
          <w:rPr>
            <w:rStyle w:val="Hyperlink"/>
          </w:rPr>
          <w:t>https://godbolt.org/</w:t>
        </w:r>
      </w:hyperlink>
      <w:r w:rsidR="0A8BF7CE">
        <w:rPr/>
        <w:t xml:space="preserve">   </w:t>
      </w:r>
    </w:p>
    <w:p w:rsidR="0A8BF7CE" w:rsidP="67C5D71E" w:rsidRDefault="0A8BF7CE" w14:paraId="3448EE44" w14:textId="47A658B1">
      <w:pPr>
        <w:pStyle w:val="Normal"/>
      </w:pPr>
      <w:r w:rsidR="0A8BF7CE">
        <w:rPr/>
        <w:t xml:space="preserve"> </w:t>
      </w:r>
      <w:r w:rsidR="0A8BF7CE">
        <w:rPr/>
        <w:t xml:space="preserve">Malware code using a listener- </w:t>
      </w:r>
      <w:hyperlink r:id="R67cffd41cfe143f3">
        <w:r w:rsidRPr="67C5D71E" w:rsidR="0A8BF7CE">
          <w:rPr>
            <w:rStyle w:val="Hyperlink"/>
          </w:rPr>
          <w:t>https://cocomelonc.github.io/tutorial/2021/09/18/malware-injection-1.html</w:t>
        </w:r>
      </w:hyperlink>
      <w:r w:rsidR="0A8BF7CE">
        <w:rPr/>
        <w:t xml:space="preserve"> </w:t>
      </w:r>
    </w:p>
    <w:p w:rsidR="0A8BF7CE" w:rsidP="67C5D71E" w:rsidRDefault="0A8BF7CE" w14:paraId="2E72A44D" w14:textId="20CA1F2C">
      <w:pPr>
        <w:pStyle w:val="Normal"/>
      </w:pPr>
      <w:r w:rsidR="0A8BF7CE">
        <w:rPr/>
        <w:t xml:space="preserve"> </w:t>
      </w:r>
      <w:r w:rsidR="0A8BF7CE">
        <w:rPr/>
        <w:t>WinDbg</w:t>
      </w:r>
      <w:r w:rsidR="0A8BF7CE">
        <w:rPr/>
        <w:t xml:space="preserve"> how to use - </w:t>
      </w:r>
      <w:hyperlink r:id="Ra6f641cf869641a3">
        <w:r w:rsidRPr="67C5D71E" w:rsidR="0A8BF7CE">
          <w:rPr>
            <w:rStyle w:val="Hyperlink"/>
          </w:rPr>
          <w:t>https://learn.microsoft.com/en-us/windows-hardware/drivers/debugger/getting-started-with-windbg</w:t>
        </w:r>
      </w:hyperlink>
      <w:r w:rsidR="0A8BF7CE">
        <w:rPr/>
        <w:t xml:space="preserve">   </w:t>
      </w:r>
    </w:p>
    <w:p w:rsidR="0A8BF7CE" w:rsidP="67C5D71E" w:rsidRDefault="0A8BF7CE" w14:paraId="7B328F8B" w14:textId="176F5578">
      <w:pPr>
        <w:pStyle w:val="Normal"/>
      </w:pPr>
      <w:r w:rsidR="0A8BF7CE">
        <w:rPr/>
        <w:t xml:space="preserve">212 Project- </w:t>
      </w:r>
      <w:hyperlink r:id="R146c1b5236f94749">
        <w:r w:rsidRPr="67C5D71E" w:rsidR="0A8BF7CE">
          <w:rPr>
            <w:rStyle w:val="Hyperlink"/>
          </w:rPr>
          <w:t>https://drive.google.com/file/d/1ZU_4qqZunyZ5OK_uHgXP47bR4l2SWbhU/view?usp=sharing</w:t>
        </w:r>
      </w:hyperlink>
      <w:r w:rsidR="0A8BF7CE">
        <w:rPr/>
        <w:t xml:space="preserve"> </w:t>
      </w:r>
    </w:p>
    <w:p w:rsidR="47A20672" w:rsidP="67C5D71E" w:rsidRDefault="47A20672" w14:paraId="1F2647C3" w14:textId="28C3D848">
      <w:pPr>
        <w:pStyle w:val="Normal"/>
        <w:rPr>
          <w:rFonts w:ascii="Aptos" w:hAnsi="Aptos" w:eastAsia="Aptos" w:cs="Aptos"/>
          <w:noProof w:val="0"/>
          <w:sz w:val="24"/>
          <w:szCs w:val="24"/>
          <w:lang w:val="en-US"/>
        </w:rPr>
      </w:pPr>
      <w:hyperlink r:id="Rd1a703dba9bb40b5">
        <w:r w:rsidRPr="67C5D71E" w:rsidR="47A20672">
          <w:rPr>
            <w:rStyle w:val="Hyperlink"/>
            <w:rFonts w:ascii="Aptos" w:hAnsi="Aptos" w:eastAsia="Aptos" w:cs="Aptos"/>
            <w:noProof w:val="0"/>
            <w:sz w:val="24"/>
            <w:szCs w:val="24"/>
            <w:lang w:val="en-US"/>
          </w:rPr>
          <w:t>Lectures (ligerlabs.org)</w:t>
        </w:r>
      </w:hyperlink>
    </w:p>
    <w:p w:rsidR="67C5D71E" w:rsidP="67C5D71E" w:rsidRDefault="67C5D71E" w14:paraId="3EF46EA4" w14:textId="463282BD">
      <w:pPr>
        <w:pStyle w:val="Normal"/>
      </w:pPr>
    </w:p>
    <w:p w:rsidR="2D0C56E7" w:rsidP="2D0C56E7" w:rsidRDefault="2D0C56E7" w14:paraId="640750EF" w14:textId="737E7ADD">
      <w:pPr>
        <w:pStyle w:val="Normal"/>
        <w:rPr/>
      </w:pPr>
    </w:p>
    <w:p w:rsidR="203E67D7" w:rsidP="67C5D71E" w:rsidRDefault="203E67D7" w14:paraId="6B221D82" w14:textId="7651D8BE">
      <w:pPr>
        <w:pStyle w:val="Normal"/>
        <w:rPr>
          <w:rFonts w:ascii="Aptos" w:hAnsi="Aptos" w:eastAsia="Aptos" w:cs="Aptos"/>
          <w:noProof w:val="0"/>
          <w:sz w:val="24"/>
          <w:szCs w:val="24"/>
          <w:lang w:val="en-US"/>
        </w:rPr>
      </w:pPr>
      <w:r w:rsidRPr="67C5D71E" w:rsidR="7DD543EA">
        <w:rPr>
          <w:rFonts w:ascii="Aptos" w:hAnsi="Aptos" w:eastAsia="Aptos" w:cs="Aptos"/>
          <w:noProof w:val="0"/>
          <w:sz w:val="24"/>
          <w:szCs w:val="24"/>
          <w:lang w:val="en-US"/>
        </w:rPr>
        <w:t xml:space="preserve">Bullet Points sent to Kumara: </w:t>
      </w:r>
    </w:p>
    <w:p w:rsidR="203E67D7" w:rsidP="203E67D7" w:rsidRDefault="203E67D7" w14:paraId="762B3AA4" w14:textId="36156349">
      <w:pPr>
        <w:pStyle w:val="Normal"/>
      </w:pPr>
      <w:r w:rsidRPr="67C5D71E" w:rsidR="7DD543EA">
        <w:rPr>
          <w:rFonts w:ascii="Aptos" w:hAnsi="Aptos" w:eastAsia="Aptos" w:cs="Aptos"/>
          <w:noProof w:val="0"/>
          <w:sz w:val="24"/>
          <w:szCs w:val="24"/>
          <w:lang w:val="en-US"/>
        </w:rPr>
        <w:t>To:</w:t>
      </w:r>
    </w:p>
    <w:p w:rsidR="203E67D7" w:rsidP="203E67D7" w:rsidRDefault="203E67D7" w14:paraId="0987E6FA" w14:textId="4822A7DF">
      <w:pPr>
        <w:pStyle w:val="Normal"/>
      </w:pPr>
      <w:r w:rsidRPr="67C5D71E" w:rsidR="7DD543EA">
        <w:rPr>
          <w:rFonts w:ascii="Aptos" w:hAnsi="Aptos" w:eastAsia="Aptos" w:cs="Aptos"/>
          <w:noProof w:val="0"/>
          <w:sz w:val="24"/>
          <w:szCs w:val="24"/>
          <w:lang w:val="en-US"/>
        </w:rPr>
        <w:t xml:space="preserve">Kumara, Ajay </w:t>
      </w:r>
    </w:p>
    <w:p w:rsidR="203E67D7" w:rsidP="203E67D7" w:rsidRDefault="203E67D7" w14:paraId="4EB3E74A" w14:textId="672C0B88">
      <w:pPr>
        <w:pStyle w:val="Normal"/>
      </w:pPr>
      <w:r w:rsidRPr="67C5D71E" w:rsidR="7DD543EA">
        <w:rPr>
          <w:rFonts w:ascii="Aptos" w:hAnsi="Aptos" w:eastAsia="Aptos" w:cs="Aptos"/>
          <w:noProof w:val="0"/>
          <w:sz w:val="24"/>
          <w:szCs w:val="24"/>
          <w:lang w:val="en-US"/>
        </w:rPr>
        <w:t>Wed 4/24/2024 12:44 PM</w:t>
      </w:r>
    </w:p>
    <w:p w:rsidR="203E67D7" w:rsidP="203E67D7" w:rsidRDefault="203E67D7" w14:paraId="6E4530A5" w14:textId="0877F4D5">
      <w:pPr>
        <w:pStyle w:val="Normal"/>
      </w:pPr>
      <w:r w:rsidRPr="67C5D71E" w:rsidR="7DD543EA">
        <w:rPr>
          <w:rFonts w:ascii="Aptos" w:hAnsi="Aptos" w:eastAsia="Aptos" w:cs="Aptos"/>
          <w:noProof w:val="0"/>
          <w:sz w:val="24"/>
          <w:szCs w:val="24"/>
          <w:lang w:val="en-US"/>
        </w:rPr>
        <w:t>I did not see where to turn in this part in</w:t>
      </w:r>
    </w:p>
    <w:p w:rsidR="203E67D7" w:rsidP="67C5D71E" w:rsidRDefault="203E67D7" w14:paraId="06FE35EE" w14:textId="63043493">
      <w:pPr>
        <w:pStyle w:val="Normal"/>
        <w:rPr>
          <w:rFonts w:ascii="Aptos" w:hAnsi="Aptos" w:eastAsia="Aptos" w:cs="Aptos"/>
          <w:noProof w:val="0"/>
          <w:sz w:val="24"/>
          <w:szCs w:val="24"/>
          <w:lang w:val="en-US"/>
        </w:rPr>
      </w:pPr>
    </w:p>
    <w:p w:rsidR="203E67D7" w:rsidP="203E67D7" w:rsidRDefault="203E67D7" w14:paraId="04DEB0C9" w14:textId="434C9DC9">
      <w:pPr>
        <w:pStyle w:val="Normal"/>
      </w:pPr>
      <w:r w:rsidRPr="67C5D71E" w:rsidR="7DD543EA">
        <w:rPr>
          <w:rFonts w:ascii="Aptos" w:hAnsi="Aptos" w:eastAsia="Aptos" w:cs="Aptos"/>
          <w:noProof w:val="0"/>
          <w:sz w:val="24"/>
          <w:szCs w:val="24"/>
          <w:lang w:val="en-US"/>
        </w:rPr>
        <w:t>Purpose:</w:t>
      </w:r>
    </w:p>
    <w:p w:rsidR="203E67D7" w:rsidP="203E67D7" w:rsidRDefault="203E67D7" w14:paraId="3042EE2A" w14:textId="05DC3399">
      <w:pPr>
        <w:pStyle w:val="Normal"/>
      </w:pPr>
      <w:r w:rsidRPr="67C5D71E" w:rsidR="7DD543EA">
        <w:rPr>
          <w:rFonts w:ascii="Aptos" w:hAnsi="Aptos" w:eastAsia="Aptos" w:cs="Aptos"/>
          <w:noProof w:val="0"/>
          <w:sz w:val="24"/>
          <w:szCs w:val="24"/>
          <w:lang w:val="en-US"/>
        </w:rPr>
        <w:t>As part of this class's productive work, I expect you to provide 8-10 bullet points about your project. These points should explain whether the expected modules have been completed, if all project goals were met, if experimental results have been produced, and if documentation is adequately processed, including substantial references, and so on.</w:t>
      </w:r>
    </w:p>
    <w:p w:rsidR="203E67D7" w:rsidP="67C5D71E" w:rsidRDefault="203E67D7" w14:paraId="5DAB8667" w14:textId="644160F7">
      <w:pPr>
        <w:pStyle w:val="Normal"/>
        <w:rPr>
          <w:rFonts w:ascii="Aptos" w:hAnsi="Aptos" w:eastAsia="Aptos" w:cs="Aptos"/>
          <w:noProof w:val="0"/>
          <w:sz w:val="24"/>
          <w:szCs w:val="24"/>
          <w:lang w:val="en-US"/>
        </w:rPr>
      </w:pPr>
    </w:p>
    <w:p w:rsidR="203E67D7" w:rsidP="203E67D7" w:rsidRDefault="203E67D7" w14:paraId="0ECE401F" w14:textId="63D44F0C">
      <w:pPr>
        <w:pStyle w:val="Normal"/>
      </w:pPr>
      <w:r w:rsidRPr="67C5D71E" w:rsidR="7DD543EA">
        <w:rPr>
          <w:rFonts w:ascii="Aptos" w:hAnsi="Aptos" w:eastAsia="Aptos" w:cs="Aptos"/>
          <w:noProof w:val="0"/>
          <w:sz w:val="24"/>
          <w:szCs w:val="24"/>
          <w:lang w:val="en-US"/>
        </w:rPr>
        <w:t>Update the beginning documentation and slides with steps on how to begin the process of Ghidra</w:t>
      </w:r>
    </w:p>
    <w:p w:rsidR="203E67D7" w:rsidP="203E67D7" w:rsidRDefault="203E67D7" w14:paraId="7259E229" w14:textId="14CFBD92">
      <w:pPr>
        <w:pStyle w:val="Normal"/>
      </w:pPr>
      <w:r w:rsidRPr="67C5D71E" w:rsidR="7DD543EA">
        <w:rPr>
          <w:rFonts w:ascii="Aptos" w:hAnsi="Aptos" w:eastAsia="Aptos" w:cs="Aptos"/>
          <w:noProof w:val="0"/>
          <w:sz w:val="24"/>
          <w:szCs w:val="24"/>
          <w:lang w:val="en-US"/>
        </w:rPr>
        <w:t>Add more details to help with Ghidra usage (pictures)</w:t>
      </w:r>
    </w:p>
    <w:p w:rsidR="203E67D7" w:rsidP="203E67D7" w:rsidRDefault="203E67D7" w14:paraId="1707CC1B" w14:textId="221B3DF0">
      <w:pPr>
        <w:pStyle w:val="Normal"/>
      </w:pPr>
      <w:r w:rsidRPr="67C5D71E" w:rsidR="7DD543EA">
        <w:rPr>
          <w:rFonts w:ascii="Aptos" w:hAnsi="Aptos" w:eastAsia="Aptos" w:cs="Aptos"/>
          <w:noProof w:val="0"/>
          <w:sz w:val="24"/>
          <w:szCs w:val="24"/>
          <w:lang w:val="en-US"/>
        </w:rPr>
        <w:t>Incorporate the final steps to help solve the issue within the malware</w:t>
      </w:r>
    </w:p>
    <w:p w:rsidR="203E67D7" w:rsidP="203E67D7" w:rsidRDefault="203E67D7" w14:paraId="35B0A797" w14:textId="23268BCD">
      <w:pPr>
        <w:pStyle w:val="Normal"/>
      </w:pPr>
      <w:r w:rsidRPr="67C5D71E" w:rsidR="7DD543EA">
        <w:rPr>
          <w:rFonts w:ascii="Aptos" w:hAnsi="Aptos" w:eastAsia="Aptos" w:cs="Aptos"/>
          <w:noProof w:val="0"/>
          <w:sz w:val="24"/>
          <w:szCs w:val="24"/>
          <w:lang w:val="en-US"/>
        </w:rPr>
        <w:t>Getting the WinDBG debugger to output the malware, run the other file I have as a back-up</w:t>
      </w:r>
    </w:p>
    <w:p w:rsidR="203E67D7" w:rsidP="203E67D7" w:rsidRDefault="203E67D7" w14:paraId="439ED8BD" w14:textId="0FB37979">
      <w:pPr>
        <w:pStyle w:val="Normal"/>
      </w:pPr>
      <w:r w:rsidRPr="67C5D71E" w:rsidR="7DD543EA">
        <w:rPr>
          <w:rFonts w:ascii="Aptos" w:hAnsi="Aptos" w:eastAsia="Aptos" w:cs="Aptos"/>
          <w:noProof w:val="0"/>
          <w:sz w:val="24"/>
          <w:szCs w:val="24"/>
          <w:lang w:val="en-US"/>
        </w:rPr>
        <w:t>Add the info from the debugger as an update to the slides/documentation</w:t>
      </w:r>
    </w:p>
    <w:p w:rsidR="203E67D7" w:rsidP="203E67D7" w:rsidRDefault="203E67D7" w14:paraId="1B17BBCC" w14:textId="250932EE">
      <w:pPr>
        <w:pStyle w:val="Normal"/>
      </w:pPr>
      <w:r w:rsidRPr="67C5D71E" w:rsidR="7DD543EA">
        <w:rPr>
          <w:rFonts w:ascii="Aptos" w:hAnsi="Aptos" w:eastAsia="Aptos" w:cs="Aptos"/>
          <w:noProof w:val="0"/>
          <w:sz w:val="24"/>
          <w:szCs w:val="24"/>
          <w:lang w:val="en-US"/>
        </w:rPr>
        <w:t>Video setup will be done in the next day or two</w:t>
      </w:r>
    </w:p>
    <w:p w:rsidR="203E67D7" w:rsidP="203E67D7" w:rsidRDefault="203E67D7" w14:paraId="2DACD572" w14:textId="46BD6DD0">
      <w:pPr>
        <w:pStyle w:val="Normal"/>
      </w:pPr>
      <w:r w:rsidRPr="67C5D71E" w:rsidR="7DD543EA">
        <w:rPr>
          <w:rFonts w:ascii="Aptos" w:hAnsi="Aptos" w:eastAsia="Aptos" w:cs="Aptos"/>
          <w:noProof w:val="0"/>
          <w:sz w:val="24"/>
          <w:szCs w:val="24"/>
          <w:lang w:val="en-US"/>
        </w:rPr>
        <w:t>Update the documentation based on the last points</w:t>
      </w:r>
    </w:p>
    <w:p w:rsidR="203E67D7" w:rsidP="203E67D7" w:rsidRDefault="203E67D7" w14:paraId="41AA6CE7" w14:textId="7BE9A392">
      <w:pPr>
        <w:pStyle w:val="Normal"/>
      </w:pPr>
      <w:r w:rsidRPr="67C5D71E" w:rsidR="7DD543EA">
        <w:rPr>
          <w:rFonts w:ascii="Aptos" w:hAnsi="Aptos" w:eastAsia="Aptos" w:cs="Aptos"/>
          <w:noProof w:val="0"/>
          <w:sz w:val="24"/>
          <w:szCs w:val="24"/>
          <w:lang w:val="en-US"/>
        </w:rPr>
        <w:t>Update the PowerPoint slides based on the last points</w:t>
      </w:r>
    </w:p>
    <w:p w:rsidR="203E67D7" w:rsidP="67C5D71E" w:rsidRDefault="203E67D7" w14:paraId="2F9C47C3" w14:textId="5BA60BCC">
      <w:pPr>
        <w:pStyle w:val="Normal"/>
        <w:rPr>
          <w:rFonts w:ascii="Aptos" w:hAnsi="Aptos" w:eastAsia="Aptos" w:cs="Aptos"/>
          <w:noProof w:val="0"/>
          <w:sz w:val="24"/>
          <w:szCs w:val="24"/>
          <w:lang w:val="en-US"/>
        </w:rPr>
      </w:pPr>
    </w:p>
    <w:p w:rsidR="203E67D7" w:rsidP="203E67D7" w:rsidRDefault="203E67D7" w14:paraId="3AB4229A" w14:textId="7AC3A501">
      <w:pPr>
        <w:pStyle w:val="Normal"/>
      </w:pPr>
    </w:p>
    <w:p w:rsidR="203E67D7" w:rsidP="203E67D7" w:rsidRDefault="203E67D7" w14:paraId="4A7BC917" w14:textId="2BC2EF39">
      <w:pPr>
        <w:pStyle w:val="Normal"/>
        <w:rPr/>
      </w:pPr>
    </w:p>
    <w:p w:rsidR="203E67D7" w:rsidP="203E67D7" w:rsidRDefault="203E67D7" w14:paraId="72EAEA9C" w14:textId="0287FA40">
      <w:pPr>
        <w:pStyle w:val="Normal"/>
        <w:rPr/>
      </w:pPr>
    </w:p>
    <w:sectPr>
      <w:pgSz w:w="12240" w:h="15840" w:orient="portrait"/>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p14="http://schemas.microsoft.com/office/word/2010/wordprocessingDrawing" xmlns:w16se="http://schemas.microsoft.com/office/word/2015/wordml/symex" xmlns:w16cid="http://schemas.microsoft.com/office/word/2016/wordml/cid" xmlns:w16="http://schemas.microsoft.com/office/word/2018/wordml" xmlns:w16cex="http://schemas.microsoft.com/office/word/2018/wordml/cex" xmlns:w16sdtdh="http://schemas.microsoft.com/office/word/2020/wordml/sdtdatahash" mc:Ignorable="w14 w15 wp14 w16se w16cid w16 w16cex w16sdtdh">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Aptos Display">
    <w:panose1 w:val="020B0004020202020204"/>
    <w:charset w:val="00"/>
    <w:family w:val="swiss"/>
    <w:pitch w:val="variable"/>
    <w:sig w:usb0="20000287" w:usb1="00000003" w:usb2="00000000" w:usb3="00000000" w:csb0="0000019F" w:csb1="00000000"/>
  </w:font>
  <w:font w:name="Aptos">
    <w:panose1 w:val="020B0004020202020204"/>
    <w:charset w:val="00"/>
    <w:family w:val="swiss"/>
    <w:pitch w:val="variable"/>
    <w:sig w:usb0="20000287" w:usb1="00000003" w:usb2="00000000" w:usb3="00000000" w:csb0="0000019F" w:csb1="00000000"/>
  </w:font>
  <w:font xmlns:w="http://schemas.openxmlformats.org/wordprocessingml/2006/main" w:name="Symbol">
    <w:panose1 w:val="05050102010706020507"/>
    <w:charset w:val="02"/>
    <w:family w:val="roman"/>
    <w:pitch w:val="variable"/>
    <w:sig w:usb0="00000000" w:usb1="10000000" w:usb2="00000000" w:usb3="00000000" w:csb0="80000000" w:csb1="00000000"/>
  </w:font>
  <w:font xmlns:w="http://schemas.openxmlformats.org/wordprocessingml/2006/main" w:name="Courier New">
    <w:panose1 w:val="02070309020205020404"/>
    <w:charset w:val="00"/>
    <w:family w:val="modern"/>
    <w:pitch w:val="fixed"/>
    <w:sig w:usb0="E0002AFF" w:usb1="C0007843" w:usb2="00000009" w:usb3="00000000" w:csb0="000001FF" w:csb1="00000000"/>
  </w:font>
  <w:font xmlns:w="http://schemas.openxmlformats.org/wordprocessingml/2006/main" w:name="Wingdings">
    <w:panose1 w:val="05000000000000000000"/>
    <w:charset w:val="02"/>
    <w:family w:val="auto"/>
    <w:pitch w:val="variable"/>
    <w:sig w:usb0="00000000" w:usb1="10000000" w:usb2="00000000" w:usb3="00000000" w:csb0="80000000" w:csb1="00000000"/>
  </w:font>
</w:fonts>
</file>

<file path=word/intelligence2.xml><?xml version="1.0" encoding="utf-8"?>
<int2:intelligence xmlns:int2="http://schemas.microsoft.com/office/intelligence/2020/intelligence">
  <int2:observations>
    <int2:bookmark int2:bookmarkName="_Int_Azblh16s" int2:invalidationBookmarkName="" int2:hashCode="e0dMsLOcF3PXGS" int2:id="qjkwnnE1">
      <int2:state int2:type="AugLoop_Text_Critique" int2:value="Rejected"/>
    </int2:bookmark>
  </int2:observations>
  <int2:intelligenceSettings/>
</int2:intelligence>
</file>

<file path=word/numbering.xml><?xml version="1.0" encoding="utf-8"?>
<w:numbering xmlns:w="http://schemas.openxmlformats.org/wordprocessingml/2006/main">
  <w:abstractNum xmlns:w="http://schemas.openxmlformats.org/wordprocessingml/2006/main" w:abstractNumId="11">
    <w:nsid w:val="421cc0a8"/>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10">
    <w:nsid w:val="4b891d89"/>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
    <w:nsid w:val="4007667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
    <w:nsid w:val="1a997a8"/>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
    <w:nsid w:val="29ec830f"/>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6">
    <w:nsid w:val="160d0d0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
    <w:nsid w:val="7f781bd6"/>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
    <w:nsid w:val="256ec37e"/>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
    <w:nsid w:val="71a4601e"/>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
    <w:nsid w:val="23304ae0"/>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
    <w:nsid w:val="22347137"/>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num w:numId="11">
    <w:abstractNumId w:val="11"/>
  </w:num>
  <w:num w:numId="10">
    <w:abstractNumId w:val="10"/>
  </w:num>
  <w:num w:numId="9">
    <w:abstractNumId w:val="9"/>
  </w:num>
  <w:num w:numId="8">
    <w:abstractNumId w:val="8"/>
  </w:num>
  <w:num w:numId="7">
    <w:abstractNumId w:val="7"/>
  </w:num>
  <w:num w:numId="6">
    <w:abstractNumId w:val="6"/>
  </w:num>
  <w:num w:numId="5">
    <w:abstractNumId w:val="5"/>
  </w:num>
  <w:num w:numId="4">
    <w:abstractNumId w:val="4"/>
  </w:num>
  <w:num w:numId="3">
    <w:abstractNumId w:val="3"/>
  </w:num>
  <w:num w:numId="2">
    <w:abstractNumId w:val="2"/>
  </w:num>
  <w:num w:numId="1">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xmlns:wp14="http://schemas.microsoft.com/office/word/2010/wordprocessingDrawing" xmlns:w16se="http://schemas.microsoft.com/office/word/2015/wordml/symex" xmlns:w16cid="http://schemas.microsoft.com/office/word/2016/wordml/cid" xmlns:w16="http://schemas.microsoft.com/office/word/2018/wordml" xmlns:w16cex="http://schemas.microsoft.com/office/word/2018/wordml/cex" xmlns:w16sdtdh="http://schemas.microsoft.com/office/word/2020/wordml/sdtdatahash" mc:Ignorable="w14 w15 wp14 w16se w16cid w16 w16cex w16sdtdh">
  <w:zoom w:percent="100"/>
  <w:trackRevisions w:val="false"/>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11237AE7"/>
    <w:rsid w:val="010A253D"/>
    <w:rsid w:val="011D56EE"/>
    <w:rsid w:val="0146B354"/>
    <w:rsid w:val="014E6949"/>
    <w:rsid w:val="016A6D39"/>
    <w:rsid w:val="01B6DDB0"/>
    <w:rsid w:val="01EA1419"/>
    <w:rsid w:val="02D11733"/>
    <w:rsid w:val="02DEA94E"/>
    <w:rsid w:val="03A4336E"/>
    <w:rsid w:val="03C9488E"/>
    <w:rsid w:val="041DC6BC"/>
    <w:rsid w:val="042C13F2"/>
    <w:rsid w:val="042E31AF"/>
    <w:rsid w:val="04515525"/>
    <w:rsid w:val="0492037F"/>
    <w:rsid w:val="051F6354"/>
    <w:rsid w:val="05E87499"/>
    <w:rsid w:val="060CF40E"/>
    <w:rsid w:val="06B7EFF3"/>
    <w:rsid w:val="0712BAE3"/>
    <w:rsid w:val="07D75321"/>
    <w:rsid w:val="07FDC4A4"/>
    <w:rsid w:val="07FE9050"/>
    <w:rsid w:val="080CF6D7"/>
    <w:rsid w:val="08195091"/>
    <w:rsid w:val="0856D1FA"/>
    <w:rsid w:val="0885FD18"/>
    <w:rsid w:val="08BE6258"/>
    <w:rsid w:val="08CB3279"/>
    <w:rsid w:val="08CB7877"/>
    <w:rsid w:val="093DC901"/>
    <w:rsid w:val="096574A2"/>
    <w:rsid w:val="09757F1E"/>
    <w:rsid w:val="09BF0669"/>
    <w:rsid w:val="09E2DC44"/>
    <w:rsid w:val="0A51ACDE"/>
    <w:rsid w:val="0A8BF7CE"/>
    <w:rsid w:val="0AB63336"/>
    <w:rsid w:val="0AC3C588"/>
    <w:rsid w:val="0ADD0DFD"/>
    <w:rsid w:val="0B07E55B"/>
    <w:rsid w:val="0B114F7F"/>
    <w:rsid w:val="0BB4BBE3"/>
    <w:rsid w:val="0BC6B59E"/>
    <w:rsid w:val="0C06D147"/>
    <w:rsid w:val="0C2D4432"/>
    <w:rsid w:val="0C38EE05"/>
    <w:rsid w:val="0C3EC1DC"/>
    <w:rsid w:val="0C7462E2"/>
    <w:rsid w:val="0C83ED07"/>
    <w:rsid w:val="0CC3DC01"/>
    <w:rsid w:val="0CF0AF61"/>
    <w:rsid w:val="0D26CE99"/>
    <w:rsid w:val="0D2CB095"/>
    <w:rsid w:val="0D843E67"/>
    <w:rsid w:val="0D998D20"/>
    <w:rsid w:val="0DDA7E1C"/>
    <w:rsid w:val="0E5CC879"/>
    <w:rsid w:val="0E5FAC62"/>
    <w:rsid w:val="0EBC150D"/>
    <w:rsid w:val="0F05409A"/>
    <w:rsid w:val="0F1737E9"/>
    <w:rsid w:val="0F32A201"/>
    <w:rsid w:val="0F571D6C"/>
    <w:rsid w:val="0F74B42A"/>
    <w:rsid w:val="0FB0ACD4"/>
    <w:rsid w:val="1018EF0C"/>
    <w:rsid w:val="101E4149"/>
    <w:rsid w:val="10372A9B"/>
    <w:rsid w:val="10399F4D"/>
    <w:rsid w:val="10A2401A"/>
    <w:rsid w:val="10B71BB6"/>
    <w:rsid w:val="10D5C10E"/>
    <w:rsid w:val="10D97F47"/>
    <w:rsid w:val="10E44709"/>
    <w:rsid w:val="1104CDC7"/>
    <w:rsid w:val="11237AE7"/>
    <w:rsid w:val="11A2C47C"/>
    <w:rsid w:val="11C5A421"/>
    <w:rsid w:val="1201022C"/>
    <w:rsid w:val="1271D370"/>
    <w:rsid w:val="1286CBC2"/>
    <w:rsid w:val="12A48651"/>
    <w:rsid w:val="12C47050"/>
    <w:rsid w:val="132E5ACA"/>
    <w:rsid w:val="1349307D"/>
    <w:rsid w:val="1351D75F"/>
    <w:rsid w:val="13AB4FC3"/>
    <w:rsid w:val="13B15D8F"/>
    <w:rsid w:val="142656EF"/>
    <w:rsid w:val="143FF0DD"/>
    <w:rsid w:val="14500740"/>
    <w:rsid w:val="147748C4"/>
    <w:rsid w:val="148DA407"/>
    <w:rsid w:val="149F67DF"/>
    <w:rsid w:val="14E2D5CF"/>
    <w:rsid w:val="156471C3"/>
    <w:rsid w:val="15CE6442"/>
    <w:rsid w:val="162ACF4D"/>
    <w:rsid w:val="16582C47"/>
    <w:rsid w:val="16F6E69F"/>
    <w:rsid w:val="17EDF5E3"/>
    <w:rsid w:val="17F4FC8B"/>
    <w:rsid w:val="17FAFF8D"/>
    <w:rsid w:val="18BA32CD"/>
    <w:rsid w:val="18D13976"/>
    <w:rsid w:val="18F76DB2"/>
    <w:rsid w:val="191D1621"/>
    <w:rsid w:val="19488647"/>
    <w:rsid w:val="195B4CD2"/>
    <w:rsid w:val="1962D4B6"/>
    <w:rsid w:val="19D70D5E"/>
    <w:rsid w:val="1A39C1CE"/>
    <w:rsid w:val="1A3F78FC"/>
    <w:rsid w:val="1A47AFBE"/>
    <w:rsid w:val="1AAF9836"/>
    <w:rsid w:val="1ADC32A5"/>
    <w:rsid w:val="1AF31630"/>
    <w:rsid w:val="1B2814A5"/>
    <w:rsid w:val="1B4CFCDF"/>
    <w:rsid w:val="1BCE2DF6"/>
    <w:rsid w:val="1BE4BAB0"/>
    <w:rsid w:val="1CB91E3F"/>
    <w:rsid w:val="1CC0D76E"/>
    <w:rsid w:val="1CD6EA66"/>
    <w:rsid w:val="1CD88ABC"/>
    <w:rsid w:val="1D31AFB3"/>
    <w:rsid w:val="1E6FF144"/>
    <w:rsid w:val="1E82DA3A"/>
    <w:rsid w:val="1E92A280"/>
    <w:rsid w:val="1EABD3F7"/>
    <w:rsid w:val="1EAF4044"/>
    <w:rsid w:val="1F891F08"/>
    <w:rsid w:val="1FD6AC06"/>
    <w:rsid w:val="201C6317"/>
    <w:rsid w:val="203E67D7"/>
    <w:rsid w:val="20466173"/>
    <w:rsid w:val="204EA62B"/>
    <w:rsid w:val="205C6BFF"/>
    <w:rsid w:val="20E9573A"/>
    <w:rsid w:val="20F8D83A"/>
    <w:rsid w:val="214DC3D9"/>
    <w:rsid w:val="21FB555A"/>
    <w:rsid w:val="22233370"/>
    <w:rsid w:val="222BBAC9"/>
    <w:rsid w:val="226FAD43"/>
    <w:rsid w:val="231F181D"/>
    <w:rsid w:val="2356CB6F"/>
    <w:rsid w:val="23624FCF"/>
    <w:rsid w:val="23A4F22C"/>
    <w:rsid w:val="23A7CFDA"/>
    <w:rsid w:val="248B6489"/>
    <w:rsid w:val="24BA7E9A"/>
    <w:rsid w:val="2517DFD2"/>
    <w:rsid w:val="26434603"/>
    <w:rsid w:val="266FFDF9"/>
    <w:rsid w:val="267ACE7D"/>
    <w:rsid w:val="268C3333"/>
    <w:rsid w:val="26A466A2"/>
    <w:rsid w:val="270101D5"/>
    <w:rsid w:val="2828E9E4"/>
    <w:rsid w:val="2911D75D"/>
    <w:rsid w:val="292A4D33"/>
    <w:rsid w:val="2949A501"/>
    <w:rsid w:val="29612CB5"/>
    <w:rsid w:val="298DAAA6"/>
    <w:rsid w:val="29B56D6E"/>
    <w:rsid w:val="29BE912D"/>
    <w:rsid w:val="29CA0C82"/>
    <w:rsid w:val="29E41213"/>
    <w:rsid w:val="2A3F0FE2"/>
    <w:rsid w:val="2A70B92A"/>
    <w:rsid w:val="2AAC93A3"/>
    <w:rsid w:val="2AE9BE6E"/>
    <w:rsid w:val="2AFCFD16"/>
    <w:rsid w:val="2B04D794"/>
    <w:rsid w:val="2B16B726"/>
    <w:rsid w:val="2B441181"/>
    <w:rsid w:val="2B4ACBB8"/>
    <w:rsid w:val="2B505A25"/>
    <w:rsid w:val="2C0889FC"/>
    <w:rsid w:val="2C0DDDB5"/>
    <w:rsid w:val="2C62494A"/>
    <w:rsid w:val="2C95FA93"/>
    <w:rsid w:val="2C98CD77"/>
    <w:rsid w:val="2CB0FEE4"/>
    <w:rsid w:val="2D0AC7B6"/>
    <w:rsid w:val="2D0C56E7"/>
    <w:rsid w:val="2D0DF142"/>
    <w:rsid w:val="2D20516C"/>
    <w:rsid w:val="2D8E2B32"/>
    <w:rsid w:val="2DAD92CA"/>
    <w:rsid w:val="2DD37CF6"/>
    <w:rsid w:val="2DD782D7"/>
    <w:rsid w:val="2DE2DA0A"/>
    <w:rsid w:val="2EBDF795"/>
    <w:rsid w:val="2EECA6EA"/>
    <w:rsid w:val="2F16A11C"/>
    <w:rsid w:val="2F6F4D57"/>
    <w:rsid w:val="2FB37C9E"/>
    <w:rsid w:val="2FBE3E74"/>
    <w:rsid w:val="308E24E2"/>
    <w:rsid w:val="3098B9E8"/>
    <w:rsid w:val="30C26FF3"/>
    <w:rsid w:val="310B1DB8"/>
    <w:rsid w:val="31146EF0"/>
    <w:rsid w:val="317241EA"/>
    <w:rsid w:val="31A0C217"/>
    <w:rsid w:val="31B6A3CD"/>
    <w:rsid w:val="31CA5B92"/>
    <w:rsid w:val="31DC94DC"/>
    <w:rsid w:val="3209737A"/>
    <w:rsid w:val="32FD9896"/>
    <w:rsid w:val="33A80B59"/>
    <w:rsid w:val="33D104AA"/>
    <w:rsid w:val="33E02876"/>
    <w:rsid w:val="3402DC73"/>
    <w:rsid w:val="342F05B8"/>
    <w:rsid w:val="3435F40C"/>
    <w:rsid w:val="343B7E78"/>
    <w:rsid w:val="3455C655"/>
    <w:rsid w:val="345B636F"/>
    <w:rsid w:val="349B0C2B"/>
    <w:rsid w:val="34FA6215"/>
    <w:rsid w:val="353B316E"/>
    <w:rsid w:val="362DF2CC"/>
    <w:rsid w:val="363CB9B0"/>
    <w:rsid w:val="3674333A"/>
    <w:rsid w:val="367AD10D"/>
    <w:rsid w:val="367C5B56"/>
    <w:rsid w:val="368618E1"/>
    <w:rsid w:val="368B9DEF"/>
    <w:rsid w:val="37339949"/>
    <w:rsid w:val="37415A5F"/>
    <w:rsid w:val="3825E551"/>
    <w:rsid w:val="3827FEF1"/>
    <w:rsid w:val="3837AE5D"/>
    <w:rsid w:val="386F4644"/>
    <w:rsid w:val="38BF633B"/>
    <w:rsid w:val="39752BF2"/>
    <w:rsid w:val="397E26BF"/>
    <w:rsid w:val="397FD11B"/>
    <w:rsid w:val="39FD02FC"/>
    <w:rsid w:val="39FD7D69"/>
    <w:rsid w:val="3A00E1AD"/>
    <w:rsid w:val="3A179C50"/>
    <w:rsid w:val="3A2B6EC0"/>
    <w:rsid w:val="3A333AE4"/>
    <w:rsid w:val="3A5C09F0"/>
    <w:rsid w:val="3A67BE8D"/>
    <w:rsid w:val="3A6DB497"/>
    <w:rsid w:val="3AC6613D"/>
    <w:rsid w:val="3AEB4AF6"/>
    <w:rsid w:val="3B4BE8B0"/>
    <w:rsid w:val="3BC7DDCA"/>
    <w:rsid w:val="3BE5647F"/>
    <w:rsid w:val="3C7DDF9C"/>
    <w:rsid w:val="3CF0B29E"/>
    <w:rsid w:val="3D19F89D"/>
    <w:rsid w:val="3D44628A"/>
    <w:rsid w:val="3D4BF025"/>
    <w:rsid w:val="3D72CE6C"/>
    <w:rsid w:val="3D8800AF"/>
    <w:rsid w:val="3DDE7E4E"/>
    <w:rsid w:val="3E5A75F4"/>
    <w:rsid w:val="3EE56669"/>
    <w:rsid w:val="3EF25C6A"/>
    <w:rsid w:val="3F2C54D0"/>
    <w:rsid w:val="3F3A9135"/>
    <w:rsid w:val="3F54BB5E"/>
    <w:rsid w:val="3F9EBFFA"/>
    <w:rsid w:val="3FA2B910"/>
    <w:rsid w:val="3FEC6669"/>
    <w:rsid w:val="402A71AC"/>
    <w:rsid w:val="40657B52"/>
    <w:rsid w:val="406A9C0C"/>
    <w:rsid w:val="40E0F22A"/>
    <w:rsid w:val="40EE5985"/>
    <w:rsid w:val="41345826"/>
    <w:rsid w:val="414B3CEB"/>
    <w:rsid w:val="41AEE32B"/>
    <w:rsid w:val="41B2FE7F"/>
    <w:rsid w:val="41CD1F21"/>
    <w:rsid w:val="41E9D895"/>
    <w:rsid w:val="421021EF"/>
    <w:rsid w:val="421C21F6"/>
    <w:rsid w:val="421EFC45"/>
    <w:rsid w:val="42C08A8A"/>
    <w:rsid w:val="42D4F5DD"/>
    <w:rsid w:val="430AA0E5"/>
    <w:rsid w:val="43234D67"/>
    <w:rsid w:val="432ED828"/>
    <w:rsid w:val="434D7978"/>
    <w:rsid w:val="44120D62"/>
    <w:rsid w:val="447BB0CB"/>
    <w:rsid w:val="4486A949"/>
    <w:rsid w:val="44AEB204"/>
    <w:rsid w:val="451D41F9"/>
    <w:rsid w:val="454ABFBF"/>
    <w:rsid w:val="4564E177"/>
    <w:rsid w:val="45AE57CC"/>
    <w:rsid w:val="45E03095"/>
    <w:rsid w:val="46013E4A"/>
    <w:rsid w:val="46CA37A1"/>
    <w:rsid w:val="471926E5"/>
    <w:rsid w:val="47A20672"/>
    <w:rsid w:val="490C1D75"/>
    <w:rsid w:val="491259C5"/>
    <w:rsid w:val="496B1958"/>
    <w:rsid w:val="49CB608B"/>
    <w:rsid w:val="4A12171B"/>
    <w:rsid w:val="4A5D0EB0"/>
    <w:rsid w:val="4A67E101"/>
    <w:rsid w:val="4A93135A"/>
    <w:rsid w:val="4A9A8E08"/>
    <w:rsid w:val="4AD33255"/>
    <w:rsid w:val="4B66C6D4"/>
    <w:rsid w:val="4BD8221D"/>
    <w:rsid w:val="4BF7D9AF"/>
    <w:rsid w:val="4C04CD3D"/>
    <w:rsid w:val="4C74D42B"/>
    <w:rsid w:val="4CC72D5A"/>
    <w:rsid w:val="4D6806D1"/>
    <w:rsid w:val="4D6C4A56"/>
    <w:rsid w:val="4DA04154"/>
    <w:rsid w:val="4DA8E76A"/>
    <w:rsid w:val="4DE9A3ED"/>
    <w:rsid w:val="4DF91E13"/>
    <w:rsid w:val="4E0AD317"/>
    <w:rsid w:val="4E3FA5DF"/>
    <w:rsid w:val="4EF3A0AC"/>
    <w:rsid w:val="4F0A5134"/>
    <w:rsid w:val="4F3CB421"/>
    <w:rsid w:val="4F4D3825"/>
    <w:rsid w:val="4FDA5ADC"/>
    <w:rsid w:val="4FFF7F85"/>
    <w:rsid w:val="50171F26"/>
    <w:rsid w:val="504D0F4D"/>
    <w:rsid w:val="50552269"/>
    <w:rsid w:val="505ED89C"/>
    <w:rsid w:val="507FCDC9"/>
    <w:rsid w:val="508ED476"/>
    <w:rsid w:val="511A5645"/>
    <w:rsid w:val="51470439"/>
    <w:rsid w:val="515B8E34"/>
    <w:rsid w:val="515D02E0"/>
    <w:rsid w:val="51A99402"/>
    <w:rsid w:val="51AF7FF5"/>
    <w:rsid w:val="51F8476D"/>
    <w:rsid w:val="52086D57"/>
    <w:rsid w:val="5267CFA2"/>
    <w:rsid w:val="52BF9F97"/>
    <w:rsid w:val="52DDB58A"/>
    <w:rsid w:val="52EC2159"/>
    <w:rsid w:val="53D13FE7"/>
    <w:rsid w:val="53F55F57"/>
    <w:rsid w:val="54984CBA"/>
    <w:rsid w:val="5574AE57"/>
    <w:rsid w:val="55B28467"/>
    <w:rsid w:val="560BF274"/>
    <w:rsid w:val="5628F747"/>
    <w:rsid w:val="562A0DEF"/>
    <w:rsid w:val="564E0E6C"/>
    <w:rsid w:val="56E62606"/>
    <w:rsid w:val="573B40C5"/>
    <w:rsid w:val="574A824B"/>
    <w:rsid w:val="576283FC"/>
    <w:rsid w:val="57896F83"/>
    <w:rsid w:val="579C2B47"/>
    <w:rsid w:val="57D5B9EE"/>
    <w:rsid w:val="57F91252"/>
    <w:rsid w:val="5818D586"/>
    <w:rsid w:val="581E5BAF"/>
    <w:rsid w:val="58408127"/>
    <w:rsid w:val="58429449"/>
    <w:rsid w:val="585F600C"/>
    <w:rsid w:val="5864A20E"/>
    <w:rsid w:val="58A37706"/>
    <w:rsid w:val="590F5532"/>
    <w:rsid w:val="596814C5"/>
    <w:rsid w:val="59AE0520"/>
    <w:rsid w:val="59AF5280"/>
    <w:rsid w:val="59B4A5E7"/>
    <w:rsid w:val="59C07001"/>
    <w:rsid w:val="5A1FE9B3"/>
    <w:rsid w:val="5A721160"/>
    <w:rsid w:val="5A72E187"/>
    <w:rsid w:val="5AB1C45F"/>
    <w:rsid w:val="5C08F758"/>
    <w:rsid w:val="5C3627B0"/>
    <w:rsid w:val="5C77AF9B"/>
    <w:rsid w:val="5CE03E15"/>
    <w:rsid w:val="5D24E7A5"/>
    <w:rsid w:val="5D5744E0"/>
    <w:rsid w:val="5DC45E25"/>
    <w:rsid w:val="5E14FD32"/>
    <w:rsid w:val="5E1D5272"/>
    <w:rsid w:val="5E57C712"/>
    <w:rsid w:val="5E67D587"/>
    <w:rsid w:val="5E7A4FF8"/>
    <w:rsid w:val="5E989434"/>
    <w:rsid w:val="5EA9AE08"/>
    <w:rsid w:val="5EAB601D"/>
    <w:rsid w:val="5EABDED0"/>
    <w:rsid w:val="5EF35AD6"/>
    <w:rsid w:val="5EF94DCE"/>
    <w:rsid w:val="5FE53586"/>
    <w:rsid w:val="5FECA37E"/>
    <w:rsid w:val="5FFA9754"/>
    <w:rsid w:val="601C089C"/>
    <w:rsid w:val="6022D49E"/>
    <w:rsid w:val="607DBDD2"/>
    <w:rsid w:val="60A8AF1D"/>
    <w:rsid w:val="60A93988"/>
    <w:rsid w:val="60B1B40E"/>
    <w:rsid w:val="60DC3956"/>
    <w:rsid w:val="6121406A"/>
    <w:rsid w:val="616711A3"/>
    <w:rsid w:val="61A98E50"/>
    <w:rsid w:val="6201EF58"/>
    <w:rsid w:val="620EB88C"/>
    <w:rsid w:val="6214BB33"/>
    <w:rsid w:val="62501789"/>
    <w:rsid w:val="62B63D46"/>
    <w:rsid w:val="62DE5BD9"/>
    <w:rsid w:val="6358336D"/>
    <w:rsid w:val="636375B3"/>
    <w:rsid w:val="637EDC3A"/>
    <w:rsid w:val="63E4223B"/>
    <w:rsid w:val="640C2F88"/>
    <w:rsid w:val="641D3A2A"/>
    <w:rsid w:val="64843EB6"/>
    <w:rsid w:val="656E3DB9"/>
    <w:rsid w:val="65A88E13"/>
    <w:rsid w:val="65A8FC5B"/>
    <w:rsid w:val="66327549"/>
    <w:rsid w:val="6685B647"/>
    <w:rsid w:val="6712B0FE"/>
    <w:rsid w:val="6743D04A"/>
    <w:rsid w:val="67526F0A"/>
    <w:rsid w:val="6752AEF5"/>
    <w:rsid w:val="67C5D71E"/>
    <w:rsid w:val="67D49CDA"/>
    <w:rsid w:val="6815984B"/>
    <w:rsid w:val="68215542"/>
    <w:rsid w:val="68754056"/>
    <w:rsid w:val="6888FC5F"/>
    <w:rsid w:val="68937E86"/>
    <w:rsid w:val="69176355"/>
    <w:rsid w:val="694CF26B"/>
    <w:rsid w:val="69A868F2"/>
    <w:rsid w:val="69BD5709"/>
    <w:rsid w:val="69FA6E1D"/>
    <w:rsid w:val="6A47D439"/>
    <w:rsid w:val="6AF7476C"/>
    <w:rsid w:val="6B313FCB"/>
    <w:rsid w:val="6B6E8798"/>
    <w:rsid w:val="6B94316A"/>
    <w:rsid w:val="6BA17D95"/>
    <w:rsid w:val="6BA7B8D9"/>
    <w:rsid w:val="6BC48A69"/>
    <w:rsid w:val="6BC75229"/>
    <w:rsid w:val="6BCA4336"/>
    <w:rsid w:val="6BCA6D52"/>
    <w:rsid w:val="6C1DE1B1"/>
    <w:rsid w:val="6C650744"/>
    <w:rsid w:val="6C96BDA2"/>
    <w:rsid w:val="6CB65EEA"/>
    <w:rsid w:val="6CBB7FCD"/>
    <w:rsid w:val="6D121E4F"/>
    <w:rsid w:val="6D66EFA9"/>
    <w:rsid w:val="6DC6E244"/>
    <w:rsid w:val="6DEBA7EA"/>
    <w:rsid w:val="6E14BB26"/>
    <w:rsid w:val="6E237611"/>
    <w:rsid w:val="6E3EFA2F"/>
    <w:rsid w:val="6E5E15DE"/>
    <w:rsid w:val="6E68E08D"/>
    <w:rsid w:val="6E6A076B"/>
    <w:rsid w:val="6E71AFEA"/>
    <w:rsid w:val="6E7C2EAF"/>
    <w:rsid w:val="6EA6AB7A"/>
    <w:rsid w:val="6F641345"/>
    <w:rsid w:val="6FB08B87"/>
    <w:rsid w:val="703C6A69"/>
    <w:rsid w:val="703EA1E0"/>
    <w:rsid w:val="7073441D"/>
    <w:rsid w:val="70829715"/>
    <w:rsid w:val="71592F9C"/>
    <w:rsid w:val="7175075A"/>
    <w:rsid w:val="71B7F03A"/>
    <w:rsid w:val="71BA2BC2"/>
    <w:rsid w:val="71F407C2"/>
    <w:rsid w:val="722DE88D"/>
    <w:rsid w:val="723D5C54"/>
    <w:rsid w:val="72469A29"/>
    <w:rsid w:val="72A0F0AC"/>
    <w:rsid w:val="72D821CD"/>
    <w:rsid w:val="73646761"/>
    <w:rsid w:val="73BBD109"/>
    <w:rsid w:val="73E51862"/>
    <w:rsid w:val="741EACC0"/>
    <w:rsid w:val="746988BA"/>
    <w:rsid w:val="7486F6CD"/>
    <w:rsid w:val="74E2C513"/>
    <w:rsid w:val="750037C2"/>
    <w:rsid w:val="751569DE"/>
    <w:rsid w:val="751DC0D5"/>
    <w:rsid w:val="75467787"/>
    <w:rsid w:val="7557A16A"/>
    <w:rsid w:val="7560900C"/>
    <w:rsid w:val="75E816EE"/>
    <w:rsid w:val="75FA6617"/>
    <w:rsid w:val="762C5DDE"/>
    <w:rsid w:val="763C00BE"/>
    <w:rsid w:val="765F32C6"/>
    <w:rsid w:val="7674B9B8"/>
    <w:rsid w:val="76D1C4A5"/>
    <w:rsid w:val="7715BF75"/>
    <w:rsid w:val="77569C9D"/>
    <w:rsid w:val="7767B565"/>
    <w:rsid w:val="77CB26BC"/>
    <w:rsid w:val="78097CBD"/>
    <w:rsid w:val="78165B8E"/>
    <w:rsid w:val="78B80D93"/>
    <w:rsid w:val="78BE5451"/>
    <w:rsid w:val="78C65682"/>
    <w:rsid w:val="79389055"/>
    <w:rsid w:val="79841E0B"/>
    <w:rsid w:val="799D6543"/>
    <w:rsid w:val="79AC4C78"/>
    <w:rsid w:val="79C24208"/>
    <w:rsid w:val="79D71DA1"/>
    <w:rsid w:val="79F1C3AB"/>
    <w:rsid w:val="7A5C556E"/>
    <w:rsid w:val="7A97080A"/>
    <w:rsid w:val="7AF8692D"/>
    <w:rsid w:val="7B6CBD96"/>
    <w:rsid w:val="7BBD8BB0"/>
    <w:rsid w:val="7C129993"/>
    <w:rsid w:val="7C48BFC7"/>
    <w:rsid w:val="7CC88F36"/>
    <w:rsid w:val="7DCB9E1C"/>
    <w:rsid w:val="7DD543EA"/>
    <w:rsid w:val="7E0D40AE"/>
    <w:rsid w:val="7E359068"/>
    <w:rsid w:val="7E4FC977"/>
    <w:rsid w:val="7E9D506E"/>
    <w:rsid w:val="7EA21533"/>
    <w:rsid w:val="7F27DD5F"/>
    <w:rsid w:val="7FB75AF5"/>
    <w:rsid w:val="7FE032B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C31F873"/>
  <w15:chartTrackingRefBased/>
  <w15:docId w15:val="{87A8431E-75B1-4B8B-9F92-53DBB2EC903A}"/>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xmlns:w16cid="http://schemas.microsoft.com/office/word/2016/wordml/cid" xmlns:w16="http://schemas.microsoft.com/office/word/2018/wordml" xmlns:w16cex="http://schemas.microsoft.com/office/word/2018/wordml/cex" xmlns:w16sdtdh="http://schemas.microsoft.com/office/word/2020/wordml/sdtdatahash" mc:Ignorable="w14 w15 wp14 w16se w16cid w16 w16cex w16sdtdh">
  <w:docDefaults>
    <w:rPrDefault>
      <w:rPr>
        <w:rFonts w:asciiTheme="minorHAnsi" w:hAnsiTheme="minorHAnsi" w:eastAsiaTheme="minorEastAsia" w:cstheme="minorBidi"/>
        <w:sz w:val="24"/>
        <w:szCs w:val="24"/>
        <w:lang w:val="en-US" w:eastAsia="ja-JP" w:bidi="ar-SA"/>
      </w:rPr>
    </w:rPrDefault>
    <w:pPrDefault>
      <w:pPr>
        <w:spacing w:after="160" w:line="27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character" w:styleId="Heading1Char" w:customStyle="1">
    <w:name w:val="Heading 1 Char"/>
    <w:basedOn w:val="DefaultParagraphFont"/>
    <w:link w:val="Heading1"/>
    <w:uiPriority w:val="9"/>
    <w:rPr>
      <w:rFonts w:asciiTheme="majorHAnsi" w:hAnsiTheme="majorHAnsi" w:eastAsiaTheme="majorEastAsia" w:cstheme="majorBidi"/>
      <w:color w:val="0F4761" w:themeColor="accent1" w:themeShade="BF"/>
      <w:sz w:val="40"/>
      <w:szCs w:val="40"/>
    </w:rPr>
  </w:style>
  <w:style w:type="paragraph" w:styleId="Heading1">
    <w:name w:val="heading 1"/>
    <w:basedOn w:val="Normal"/>
    <w:next w:val="Normal"/>
    <w:link w:val="Heading1Char"/>
    <w:uiPriority w:val="9"/>
    <w:qFormat/>
    <w:pPr>
      <w:keepNext/>
      <w:keepLines/>
      <w:spacing w:before="360" w:after="80"/>
      <w:outlineLvl w:val="0"/>
    </w:pPr>
    <w:rPr>
      <w:rFonts w:asciiTheme="majorHAnsi" w:hAnsiTheme="majorHAnsi" w:eastAsiaTheme="majorEastAsia" w:cstheme="majorBidi"/>
      <w:color w:val="0F4761" w:themeColor="accent1" w:themeShade="BF"/>
      <w:sz w:val="40"/>
      <w:szCs w:val="40"/>
    </w:rPr>
  </w:style>
  <w:style w:type="character" w:styleId="Heading2Char" w:customStyle="1">
    <w:name w:val="Heading 2 Char"/>
    <w:basedOn w:val="DefaultParagraphFont"/>
    <w:link w:val="Heading2"/>
    <w:uiPriority w:val="9"/>
    <w:rPr>
      <w:rFonts w:asciiTheme="majorHAnsi" w:hAnsiTheme="majorHAnsi" w:eastAsiaTheme="majorEastAsia" w:cstheme="majorBidi"/>
      <w:color w:val="0F4761" w:themeColor="accent1" w:themeShade="BF"/>
      <w:sz w:val="32"/>
      <w:szCs w:val="32"/>
    </w:rPr>
  </w:style>
  <w:style w:type="paragraph" w:styleId="Heading2">
    <w:name w:val="heading 2"/>
    <w:basedOn w:val="Normal"/>
    <w:next w:val="Normal"/>
    <w:link w:val="Heading2Char"/>
    <w:uiPriority w:val="9"/>
    <w:unhideWhenUsed/>
    <w:qFormat/>
    <w:pPr>
      <w:keepNext/>
      <w:keepLines/>
      <w:spacing w:before="160" w:after="80"/>
      <w:outlineLvl w:val="1"/>
    </w:pPr>
    <w:rPr>
      <w:rFonts w:asciiTheme="majorHAnsi" w:hAnsiTheme="majorHAnsi" w:eastAsiaTheme="majorEastAsia" w:cstheme="majorBidi"/>
      <w:color w:val="0F4761" w:themeColor="accent1" w:themeShade="BF"/>
      <w:sz w:val="32"/>
      <w:szCs w:val="32"/>
    </w:rPr>
  </w:style>
  <w:style w:type="character" w:styleId="Heading3Char" w:customStyle="1">
    <w:name w:val="Heading 3 Char"/>
    <w:basedOn w:val="DefaultParagraphFont"/>
    <w:link w:val="Heading3"/>
    <w:uiPriority w:val="9"/>
    <w:rPr>
      <w:rFonts w:eastAsiaTheme="majorEastAsia" w:cstheme="majorBidi"/>
      <w:color w:val="0F4761" w:themeColor="accent1" w:themeShade="BF"/>
      <w:sz w:val="28"/>
      <w:szCs w:val="28"/>
    </w:rPr>
  </w:style>
  <w:style w:type="paragraph" w:styleId="Heading3">
    <w:name w:val="heading 3"/>
    <w:basedOn w:val="Normal"/>
    <w:next w:val="Normal"/>
    <w:link w:val="Heading3Char"/>
    <w:uiPriority w:val="9"/>
    <w:unhideWhenUsed/>
    <w:qFormat/>
    <w:pPr>
      <w:keepNext/>
      <w:keepLines/>
      <w:spacing w:before="160" w:after="80"/>
      <w:outlineLvl w:val="2"/>
    </w:pPr>
    <w:rPr>
      <w:rFonts w:eastAsiaTheme="majorEastAsia" w:cstheme="majorBidi"/>
      <w:color w:val="0F4761" w:themeColor="accent1" w:themeShade="BF"/>
      <w:sz w:val="28"/>
      <w:szCs w:val="28"/>
    </w:rPr>
  </w:style>
  <w:style w:type="character" w:styleId="Heading4Char" w:customStyle="1">
    <w:name w:val="Heading 4 Char"/>
    <w:basedOn w:val="DefaultParagraphFont"/>
    <w:link w:val="Heading4"/>
    <w:uiPriority w:val="9"/>
    <w:rPr>
      <w:rFonts w:eastAsiaTheme="majorEastAsia" w:cstheme="majorBidi"/>
      <w:i/>
      <w:iCs/>
      <w:color w:val="0F4761" w:themeColor="accent1" w:themeShade="BF"/>
    </w:rPr>
  </w:style>
  <w:style w:type="paragraph" w:styleId="Heading4">
    <w:name w:val="heading 4"/>
    <w:basedOn w:val="Normal"/>
    <w:next w:val="Normal"/>
    <w:link w:val="Heading4Char"/>
    <w:uiPriority w:val="9"/>
    <w:unhideWhenUsed/>
    <w:qFormat/>
    <w:pPr>
      <w:keepNext/>
      <w:keepLines/>
      <w:spacing w:before="80" w:after="40"/>
      <w:outlineLvl w:val="3"/>
    </w:pPr>
    <w:rPr>
      <w:rFonts w:eastAsiaTheme="majorEastAsia" w:cstheme="majorBidi"/>
      <w:i/>
      <w:iCs/>
      <w:color w:val="0F4761" w:themeColor="accent1" w:themeShade="BF"/>
    </w:rPr>
  </w:style>
  <w:style w:type="character" w:styleId="Heading5Char" w:customStyle="1">
    <w:name w:val="Heading 5 Char"/>
    <w:basedOn w:val="DefaultParagraphFont"/>
    <w:link w:val="Heading5"/>
    <w:uiPriority w:val="9"/>
    <w:rPr>
      <w:rFonts w:eastAsiaTheme="majorEastAsia" w:cstheme="majorBidi"/>
      <w:color w:val="0F4761" w:themeColor="accent1" w:themeShade="BF"/>
    </w:rPr>
  </w:style>
  <w:style w:type="paragraph" w:styleId="Heading5">
    <w:name w:val="heading 5"/>
    <w:basedOn w:val="Normal"/>
    <w:next w:val="Normal"/>
    <w:link w:val="Heading5Char"/>
    <w:uiPriority w:val="9"/>
    <w:unhideWhenUsed/>
    <w:qFormat/>
    <w:pPr>
      <w:keepNext/>
      <w:keepLines/>
      <w:spacing w:before="80" w:after="40"/>
      <w:outlineLvl w:val="4"/>
    </w:pPr>
    <w:rPr>
      <w:rFonts w:eastAsiaTheme="majorEastAsia" w:cstheme="majorBidi"/>
      <w:color w:val="0F4761" w:themeColor="accent1" w:themeShade="BF"/>
    </w:rPr>
  </w:style>
  <w:style w:type="character" w:styleId="Heading6Char" w:customStyle="1">
    <w:name w:val="Heading 6 Char"/>
    <w:basedOn w:val="DefaultParagraphFont"/>
    <w:link w:val="Heading6"/>
    <w:uiPriority w:val="9"/>
    <w:rPr>
      <w:rFonts w:eastAsiaTheme="majorEastAsia" w:cstheme="majorBidi"/>
      <w:i/>
      <w:iCs/>
      <w:color w:val="595959" w:themeColor="text1" w:themeTint="A6"/>
    </w:rPr>
  </w:style>
  <w:style w:type="paragraph" w:styleId="Heading6">
    <w:name w:val="heading 6"/>
    <w:basedOn w:val="Normal"/>
    <w:next w:val="Normal"/>
    <w:link w:val="Heading6Char"/>
    <w:uiPriority w:val="9"/>
    <w:unhideWhenUsed/>
    <w:qFormat/>
    <w:pPr>
      <w:keepNext/>
      <w:keepLines/>
      <w:spacing w:before="40" w:after="0"/>
      <w:outlineLvl w:val="5"/>
    </w:pPr>
    <w:rPr>
      <w:rFonts w:eastAsiaTheme="majorEastAsia" w:cstheme="majorBidi"/>
      <w:i/>
      <w:iCs/>
      <w:color w:val="595959" w:themeColor="text1" w:themeTint="A6"/>
    </w:rPr>
  </w:style>
  <w:style w:type="character" w:styleId="Heading7Char" w:customStyle="1">
    <w:name w:val="Heading 7 Char"/>
    <w:basedOn w:val="DefaultParagraphFont"/>
    <w:link w:val="Heading7"/>
    <w:uiPriority w:val="9"/>
    <w:rPr>
      <w:rFonts w:eastAsiaTheme="majorEastAsia" w:cstheme="majorBidi"/>
      <w:color w:val="595959" w:themeColor="text1" w:themeTint="A6"/>
    </w:rPr>
  </w:style>
  <w:style w:type="paragraph" w:styleId="Heading7">
    <w:name w:val="heading 7"/>
    <w:basedOn w:val="Normal"/>
    <w:next w:val="Normal"/>
    <w:link w:val="Heading7Char"/>
    <w:uiPriority w:val="9"/>
    <w:unhideWhenUsed/>
    <w:qFormat/>
    <w:pPr>
      <w:keepNext/>
      <w:keepLines/>
      <w:spacing w:before="40" w:after="0"/>
      <w:outlineLvl w:val="6"/>
    </w:pPr>
    <w:rPr>
      <w:rFonts w:eastAsiaTheme="majorEastAsia" w:cstheme="majorBidi"/>
      <w:color w:val="595959" w:themeColor="text1" w:themeTint="A6"/>
    </w:rPr>
  </w:style>
  <w:style w:type="character" w:styleId="Heading8Char" w:customStyle="1">
    <w:name w:val="Heading 8 Char"/>
    <w:basedOn w:val="DefaultParagraphFont"/>
    <w:link w:val="Heading8"/>
    <w:uiPriority w:val="9"/>
    <w:rPr>
      <w:rFonts w:eastAsiaTheme="majorEastAsia" w:cstheme="majorBidi"/>
      <w:i/>
      <w:iCs/>
      <w:color w:val="272727" w:themeColor="text1" w:themeTint="D8"/>
    </w:rPr>
  </w:style>
  <w:style w:type="paragraph" w:styleId="Heading8">
    <w:name w:val="heading 8"/>
    <w:basedOn w:val="Normal"/>
    <w:next w:val="Normal"/>
    <w:link w:val="Heading8Char"/>
    <w:uiPriority w:val="9"/>
    <w:unhideWhenUsed/>
    <w:qFormat/>
    <w:pPr>
      <w:keepNext/>
      <w:keepLines/>
      <w:spacing w:after="0"/>
      <w:outlineLvl w:val="7"/>
    </w:pPr>
    <w:rPr>
      <w:rFonts w:eastAsiaTheme="majorEastAsia" w:cstheme="majorBidi"/>
      <w:i/>
      <w:iCs/>
      <w:color w:val="272727" w:themeColor="text1" w:themeTint="D8"/>
    </w:rPr>
  </w:style>
  <w:style w:type="character" w:styleId="Heading9Char" w:customStyle="1">
    <w:name w:val="Heading 9 Char"/>
    <w:basedOn w:val="DefaultParagraphFont"/>
    <w:link w:val="Heading9"/>
    <w:uiPriority w:val="9"/>
    <w:rPr>
      <w:rFonts w:eastAsiaTheme="majorEastAsia" w:cstheme="majorBidi"/>
      <w:color w:val="272727" w:themeColor="text1" w:themeTint="D8"/>
    </w:rPr>
  </w:style>
  <w:style w:type="paragraph" w:styleId="Heading9">
    <w:name w:val="heading 9"/>
    <w:basedOn w:val="Normal"/>
    <w:next w:val="Normal"/>
    <w:link w:val="Heading9Char"/>
    <w:uiPriority w:val="9"/>
    <w:unhideWhenUsed/>
    <w:qFormat/>
    <w:pPr>
      <w:keepNext/>
      <w:keepLines/>
      <w:spacing w:after="0"/>
      <w:outlineLvl w:val="8"/>
    </w:pPr>
    <w:rPr>
      <w:rFonts w:eastAsiaTheme="majorEastAsia" w:cstheme="majorBidi"/>
      <w:color w:val="272727" w:themeColor="text1" w:themeTint="D8"/>
    </w:rPr>
  </w:style>
  <w:style w:type="character" w:styleId="TitleChar" w:customStyle="1">
    <w:name w:val="Title Char"/>
    <w:basedOn w:val="DefaultParagraphFont"/>
    <w:link w:val="Title"/>
    <w:uiPriority w:val="10"/>
    <w:rPr>
      <w:rFonts w:asciiTheme="majorHAnsi" w:hAnsiTheme="majorHAnsi" w:eastAsiaTheme="majorEastAsia" w:cstheme="majorBidi"/>
      <w:spacing w:val="-10"/>
      <w:kern w:val="28"/>
      <w:sz w:val="56"/>
      <w:szCs w:val="56"/>
    </w:rPr>
  </w:style>
  <w:style w:type="paragraph" w:styleId="Title">
    <w:name w:val="Title"/>
    <w:basedOn w:val="Normal"/>
    <w:next w:val="Normal"/>
    <w:link w:val="TitleChar"/>
    <w:uiPriority w:val="10"/>
    <w:qFormat/>
    <w:pPr>
      <w:spacing w:after="80" w:line="240" w:lineRule="auto"/>
      <w:contextualSpacing/>
    </w:pPr>
    <w:rPr>
      <w:rFonts w:asciiTheme="majorHAnsi" w:hAnsiTheme="majorHAnsi" w:eastAsiaTheme="majorEastAsia" w:cstheme="majorBidi"/>
      <w:spacing w:val="-10"/>
      <w:kern w:val="28"/>
      <w:sz w:val="56"/>
      <w:szCs w:val="56"/>
    </w:rPr>
  </w:style>
  <w:style w:type="character" w:styleId="SubtitleChar" w:customStyle="1">
    <w:name w:val="Subtitle Char"/>
    <w:basedOn w:val="DefaultParagraphFont"/>
    <w:link w:val="Subtitle"/>
    <w:uiPriority w:val="11"/>
    <w:rPr>
      <w:rFonts w:eastAsiaTheme="majorEastAsia" w:cstheme="majorBidi"/>
      <w:color w:val="595959" w:themeColor="text1" w:themeTint="A6"/>
      <w:spacing w:val="15"/>
      <w:sz w:val="28"/>
      <w:szCs w:val="28"/>
    </w:rPr>
  </w:style>
  <w:style w:type="paragraph" w:styleId="Subtitle">
    <w:name w:val="Subtitle"/>
    <w:basedOn w:val="Normal"/>
    <w:next w:val="Normal"/>
    <w:link w:val="SubtitleChar"/>
    <w:uiPriority w:val="11"/>
    <w:qFormat/>
    <w:pPr>
      <w:numPr>
        <w:ilvl w:val="1"/>
      </w:numPr>
    </w:pPr>
    <w:rPr>
      <w:rFonts w:eastAsiaTheme="majorEastAsia" w:cstheme="majorBidi"/>
      <w:color w:val="595959" w:themeColor="text1" w:themeTint="A6"/>
      <w:spacing w:val="15"/>
      <w:sz w:val="28"/>
      <w:szCs w:val="28"/>
    </w:rPr>
  </w:style>
  <w:style w:type="character" w:styleId="IntenseEmphasis">
    <w:name w:val="Intense Emphasis"/>
    <w:basedOn w:val="DefaultParagraphFont"/>
    <w:uiPriority w:val="21"/>
    <w:qFormat/>
    <w:rPr>
      <w:i/>
      <w:iCs/>
      <w:color w:val="0F4761" w:themeColor="accent1" w:themeShade="BF"/>
    </w:rPr>
  </w:style>
  <w:style w:type="character" w:styleId="QuoteChar" w:customStyle="1">
    <w:name w:val="Quote Char"/>
    <w:basedOn w:val="DefaultParagraphFont"/>
    <w:link w:val="Quote"/>
    <w:uiPriority w:val="29"/>
    <w:rPr>
      <w:i/>
      <w:iCs/>
      <w:color w:val="404040" w:themeColor="text1" w:themeTint="BF"/>
    </w:rPr>
  </w:style>
  <w:style w:type="paragraph" w:styleId="Quote">
    <w:name w:val="Quote"/>
    <w:basedOn w:val="Normal"/>
    <w:next w:val="Normal"/>
    <w:link w:val="QuoteChar"/>
    <w:uiPriority w:val="29"/>
    <w:qFormat/>
    <w:pPr>
      <w:spacing w:before="160"/>
      <w:jc w:val="center"/>
    </w:pPr>
    <w:rPr>
      <w:i/>
      <w:iCs/>
      <w:color w:val="404040" w:themeColor="text1" w:themeTint="BF"/>
    </w:rPr>
  </w:style>
  <w:style w:type="character" w:styleId="IntenseQuoteChar" w:customStyle="1">
    <w:name w:val="Intense Quote Char"/>
    <w:basedOn w:val="DefaultParagraphFont"/>
    <w:link w:val="IntenseQuote"/>
    <w:uiPriority w:val="30"/>
    <w:rPr>
      <w:i/>
      <w:iCs/>
      <w:color w:val="0F4761" w:themeColor="accent1" w:themeShade="BF"/>
    </w:rPr>
  </w:style>
  <w:style w:type="paragraph" w:styleId="IntenseQuote">
    <w:name w:val="Intense Quote"/>
    <w:basedOn w:val="Normal"/>
    <w:next w:val="Normal"/>
    <w:link w:val="IntenseQuoteChar"/>
    <w:uiPriority w:val="30"/>
    <w:qFormat/>
    <w:pPr>
      <w:pBdr>
        <w:top w:val="single" w:color="0F4761" w:themeColor="accent1" w:themeShade="BF" w:sz="4" w:space="10"/>
        <w:bottom w:val="single" w:color="0F4761" w:themeColor="accent1" w:themeShade="BF" w:sz="4" w:space="10"/>
      </w:pBdr>
      <w:spacing w:before="360" w:after="360"/>
      <w:ind w:left="864" w:right="864"/>
      <w:jc w:val="center"/>
    </w:pPr>
    <w:rPr>
      <w:i/>
      <w:iCs/>
      <w:color w:val="0F4761" w:themeColor="accent1" w:themeShade="BF"/>
    </w:rPr>
  </w:style>
  <w:style w:type="character" w:styleId="IntenseReference">
    <w:name w:val="Intense Reference"/>
    <w:basedOn w:val="DefaultParagraphFont"/>
    <w:uiPriority w:val="32"/>
    <w:qFormat/>
    <w:rPr>
      <w:b/>
      <w:bCs/>
      <w:smallCaps/>
      <w:color w:val="0F4761" w:themeColor="accent1" w:themeShade="BF"/>
      <w:spacing w:val="5"/>
    </w:rPr>
  </w:style>
  <w:style xmlns:w14="http://schemas.microsoft.com/office/word/2010/wordml" xmlns:mc="http://schemas.openxmlformats.org/markup-compatibility/2006" xmlns:w="http://schemas.openxmlformats.org/wordprocessingml/2006/main" w:type="paragraph" w:styleId="ListParagraph" mc:Ignorable="w14">
    <w:name xmlns:w="http://schemas.openxmlformats.org/wordprocessingml/2006/main" w:val="List Paragraph"/>
    <w:basedOn xmlns:w="http://schemas.openxmlformats.org/wordprocessingml/2006/main" w:val="Normal"/>
    <w:uiPriority xmlns:w="http://schemas.openxmlformats.org/wordprocessingml/2006/main" w:val="34"/>
    <w:qFormat xmlns:w="http://schemas.openxmlformats.org/wordprocessingml/2006/main"/>
    <w:pPr xmlns:w="http://schemas.openxmlformats.org/wordprocessingml/2006/main">
      <w:ind xmlns:w="http://schemas.openxmlformats.org/wordprocessingml/2006/main" w:left="720"/>
      <w:contextualSpacing xmlns:w="http://schemas.openxmlformats.org/wordprocessingml/2006/main"/>
    </w:pPr>
  </w:style>
  <w:style xmlns:w14="http://schemas.microsoft.com/office/word/2010/wordml" xmlns:mc="http://schemas.openxmlformats.org/markup-compatibility/2006" xmlns:w="http://schemas.openxmlformats.org/wordprocessingml/2006/main" w:type="character" w:styleId="Hyperlink" mc:Ignorable="w14">
    <w:name xmlns:w="http://schemas.openxmlformats.org/wordprocessingml/2006/main" w:val="Hyperlink"/>
    <w:basedOn xmlns:w="http://schemas.openxmlformats.org/wordprocessingml/2006/main" w:val="DefaultParagraphFont"/>
    <w:uiPriority xmlns:w="http://schemas.openxmlformats.org/wordprocessingml/2006/main" w:val="99"/>
    <w:unhideWhenUsed xmlns:w="http://schemas.openxmlformats.org/wordprocessingml/2006/main"/>
    <w:rPr xmlns:w="http://schemas.openxmlformats.org/wordprocessingml/2006/main">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65279;<?xml version="1.0" encoding="utf-8"?><Relationships xmlns="http://schemas.openxmlformats.org/package/2006/relationships"><Relationship Type="http://schemas.openxmlformats.org/officeDocument/2006/relationships/webSettings" Target="webSettings.xml" Id="rId3" /><Relationship Type="http://schemas.openxmlformats.org/officeDocument/2006/relationships/settings" Target="settings.xml" Id="rId2" /><Relationship Type="http://schemas.openxmlformats.org/officeDocument/2006/relationships/styles" Target="styles.xml" Id="rId1" /><Relationship Type="http://schemas.openxmlformats.org/officeDocument/2006/relationships/theme" Target="theme/theme1.xml" Id="rId5" /><Relationship Type="http://schemas.openxmlformats.org/officeDocument/2006/relationships/fontTable" Target="fontTable.xml" Id="rId4" /><Relationship Type="http://schemas.openxmlformats.org/officeDocument/2006/relationships/image" Target="/media/image.jpg" Id="R1b2bb369a25c4423" /><Relationship Type="http://schemas.openxmlformats.org/officeDocument/2006/relationships/hyperlink" Target="https://www.virustotal.com/gui/home/url" TargetMode="External" Id="R5600fd5f885c4192" /><Relationship Type="http://schemas.openxmlformats.org/officeDocument/2006/relationships/numbering" Target="numbering.xml" Id="R09b59189b08945b3" /><Relationship Type="http://schemas.openxmlformats.org/officeDocument/2006/relationships/image" Target="/media/image5.png" Id="R6136193e25274b0d" /><Relationship Type="http://schemas.openxmlformats.org/officeDocument/2006/relationships/image" Target="/media/image6.png" Id="Rc4c5419ffabd4d4c" /><Relationship Type="http://schemas.openxmlformats.org/officeDocument/2006/relationships/image" Target="/media/image7.png" Id="R2efd498fd39e4dd6" /><Relationship Type="http://schemas.openxmlformats.org/officeDocument/2006/relationships/image" Target="/media/image8.png" Id="R1d50fae955ea4cd5" /><Relationship Type="http://schemas.openxmlformats.org/officeDocument/2006/relationships/image" Target="/media/image9.png" Id="R9fefac27e7664074" /><Relationship Type="http://schemas.openxmlformats.org/officeDocument/2006/relationships/image" Target="/media/imagea.png" Id="R7f72d83a6d7c463b" /><Relationship Type="http://schemas.openxmlformats.org/officeDocument/2006/relationships/image" Target="/media/imageb.png" Id="Ra4a8fc16675f433a" /><Relationship Type="http://schemas.openxmlformats.org/officeDocument/2006/relationships/image" Target="/media/imagec.png" Id="Ra03b2776f6924209" /><Relationship Type="http://schemas.openxmlformats.org/officeDocument/2006/relationships/image" Target="/media/imaged.png" Id="Rca1c7dd024ad4ab4" /><Relationship Type="http://schemas.openxmlformats.org/officeDocument/2006/relationships/image" Target="/media/imagee.png" Id="Ree6eaf65bda94a9b" /><Relationship Type="http://schemas.openxmlformats.org/officeDocument/2006/relationships/image" Target="/media/imagef.png" Id="Re2cb517a8d2d4606" /><Relationship Type="http://schemas.openxmlformats.org/officeDocument/2006/relationships/image" Target="/media/image10.png" Id="Recf236a6e8fd4adc" /><Relationship Type="http://schemas.openxmlformats.org/officeDocument/2006/relationships/image" Target="/media/image11.png" Id="R4b4caae8922840b9" /><Relationship Type="http://schemas.openxmlformats.org/officeDocument/2006/relationships/image" Target="/media/image12.png" Id="R358e712fce904df9" /><Relationship Type="http://schemas.openxmlformats.org/officeDocument/2006/relationships/image" Target="/media/image13.png" Id="R88dc7b370b254bc2" /><Relationship Type="http://schemas.openxmlformats.org/officeDocument/2006/relationships/image" Target="/media/image14.png" Id="R638480b468a54857" /><Relationship Type="http://schemas.openxmlformats.org/officeDocument/2006/relationships/image" Target="/media/image15.png" Id="R69e049e4413146a4" /><Relationship Type="http://schemas.openxmlformats.org/officeDocument/2006/relationships/image" Target="/media/image16.png" Id="R46f423bc308d4b68" /><Relationship Type="http://schemas.openxmlformats.org/officeDocument/2006/relationships/hyperlink" Target="https://learn.microsoft.com/en-us/cpp/c-runtime-library/reference/security-init-cookie?view=msvc-170" TargetMode="External" Id="R68bdb97362224814" /><Relationship Type="http://schemas.openxmlformats.org/officeDocument/2006/relationships/image" Target="/media/image17.png" Id="Rc66499e9b07b4da1" /><Relationship Type="http://schemas.openxmlformats.org/officeDocument/2006/relationships/image" Target="/media/image18.png" Id="R1deedb57499d4136" /><Relationship Type="http://schemas.openxmlformats.org/officeDocument/2006/relationships/image" Target="/media/image19.png" Id="R8a4fd1b3a13c43d8" /><Relationship Type="http://schemas.openxmlformats.org/officeDocument/2006/relationships/image" Target="/media/image1a.png" Id="Rcd7d942d727942bf" /><Relationship Type="http://schemas.openxmlformats.org/officeDocument/2006/relationships/image" Target="/media/image1b.png" Id="R5e6707d50777467c" /><Relationship Type="http://schemas.openxmlformats.org/officeDocument/2006/relationships/image" Target="/media/image1c.png" Id="Rc4f40e428a5841c4" /><Relationship Type="http://schemas.openxmlformats.org/officeDocument/2006/relationships/image" Target="/media/image1d.png" Id="R2f09c5cdd7144020" /><Relationship Type="http://schemas.openxmlformats.org/officeDocument/2006/relationships/image" Target="/media/image1e.png" Id="Re198518f431d4f55" /><Relationship Type="http://schemas.openxmlformats.org/officeDocument/2006/relationships/image" Target="/media/image20.png" Id="Rda5c4089152f4d80" /><Relationship Type="http://schemas.openxmlformats.org/officeDocument/2006/relationships/hyperlink" Target="https://github.com/likvidera/GhidraChatGPT" TargetMode="External" Id="Ra38293e56ccd4b2f" /><Relationship Type="http://schemas.openxmlformats.org/officeDocument/2006/relationships/hyperlink" Target="https://github.com/PacktPublishing/Ghidra-Software-Reverse-Engineering-for-Beginners/tree/master/Chapter05" TargetMode="External" Id="Rfd3cd57d04d7451d" /><Relationship Type="http://schemas.openxmlformats.org/officeDocument/2006/relationships/image" Target="/media/image25.png" Id="R7aa16fae931f42c0" /><Relationship Type="http://schemas.openxmlformats.org/officeDocument/2006/relationships/image" Target="/media/image26.png" Id="Re97861fed5c14dfd" /><Relationship Type="http://schemas.openxmlformats.org/officeDocument/2006/relationships/image" Target="/media/image27.png" Id="R9f595f917f024d56" /><Relationship Type="http://schemas.openxmlformats.org/officeDocument/2006/relationships/hyperlink" Target="https://github.com/quark-engine/ghidraquark" TargetMode="External" Id="R17d2f73c93b6404f" /><Relationship Type="http://schemas.openxmlformats.org/officeDocument/2006/relationships/image" Target="/media/image.gif" Id="R0263c6143136461b" /><Relationship Type="http://schemas.openxmlformats.org/officeDocument/2006/relationships/hyperlink" Target="https://github.com/intezer/analyze-community-ghidra-plugin.git" TargetMode="External" Id="R684e4a1244774916" /><Relationship Type="http://schemas.openxmlformats.org/officeDocument/2006/relationships/hyperlink" Target="https://github.com/quark-engine/ghidraquark" TargetMode="External" Id="Ra06e79a587bc4f3d" /><Relationship Type="http://schemas.openxmlformats.org/officeDocument/2006/relationships/image" Target="/media/image2.jpg" Id="R8cf041862f834bde" /><Relationship Type="http://schemas.openxmlformats.org/officeDocument/2006/relationships/image" Target="/media/image28.png" Id="R6083c03097894725" /><Relationship Type="http://schemas.openxmlformats.org/officeDocument/2006/relationships/image" Target="/media/image29.png" Id="Rf2dd670555a747aa" /><Relationship Type="http://schemas.openxmlformats.org/officeDocument/2006/relationships/image" Target="/media/image2a.png" Id="Rf4494d3c3a3e42d5" /><Relationship Type="http://schemas.openxmlformats.org/officeDocument/2006/relationships/image" Target="/media/image2b.png" Id="R15d4c1992bb44d39" /><Relationship Type="http://schemas.openxmlformats.org/officeDocument/2006/relationships/image" Target="/media/image2c.png" Id="R5e75255bb94b4fd8" /><Relationship Type="http://schemas.openxmlformats.org/officeDocument/2006/relationships/image" Target="/media/image2d.png" Id="Rcb5bb49e25d74c68" /><Relationship Type="http://schemas.openxmlformats.org/officeDocument/2006/relationships/image" Target="/media/image2e.png" Id="R6432545b31e049bc" /><Relationship Type="http://schemas.openxmlformats.org/officeDocument/2006/relationships/image" Target="/media/image2f.png" Id="R03e9961189184388" /><Relationship Type="http://schemas.openxmlformats.org/officeDocument/2006/relationships/hyperlink" Target="https://cdn.ttgtmedia.com/rms/pdf/excerpt_ghidra_bookshelf.pdf" TargetMode="External" Id="Red15fd2f646b45f1" /><Relationship Type="http://schemas.openxmlformats.org/officeDocument/2006/relationships/hyperlink" Target="https://www.virustotal.com/" TargetMode="External" Id="R7f895823445b4ea3" /><Relationship Type="http://schemas.openxmlformats.org/officeDocument/2006/relationships/hyperlink" Target="https://godbolt.org/" TargetMode="External" Id="Rcc32839ce0d64a9c" /><Relationship Type="http://schemas.openxmlformats.org/officeDocument/2006/relationships/hyperlink" Target="https://cocomelonc.github.io/tutorial/2021/09/18/malware-injection-1.html" TargetMode="External" Id="R67cffd41cfe143f3" /><Relationship Type="http://schemas.openxmlformats.org/officeDocument/2006/relationships/hyperlink" Target="https://learn.microsoft.com/en-us/windows-hardware/drivers/debugger/getting-started-with-windbg" TargetMode="External" Id="Ra6f641cf869641a3" /><Relationship Type="http://schemas.openxmlformats.org/officeDocument/2006/relationships/hyperlink" Target="https://drive.google.com/file/d/1ZU_4qqZunyZ5OK_uHgXP47bR4l2SWbhU/view?usp=sharing" TargetMode="External" Id="R146c1b5236f94749" /><Relationship Type="http://schemas.openxmlformats.org/officeDocument/2006/relationships/hyperlink" Target="https://ligerlabs.org/lectures.html" TargetMode="External" Id="Rd1a703dba9bb40b5" /><Relationship Type="http://schemas.microsoft.com/office/2020/10/relationships/intelligence" Target="intelligence2.xml" Id="R3f1a511464eb4c9c" /></Relationships>
</file>

<file path=word/theme/theme1.xml><?xml version="1.0" encoding="utf-8"?>
<a:theme xmlns:thm15="http://schemas.microsoft.com/office/thememl/2012/main"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ptos" panose="0211000402020202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Application>Microsoft Word for the web</ap:Application>
  <ap:DocSecurity>0</ap:DocSecurity>
  <ap:ScaleCrop>false</ap:ScaleCrop>
  <ap:Company/>
  <ap:SharedDoc>false</ap:SharedDoc>
  <ap:HyperlinksChanged>false</ap:HyperlinksChanged>
  <ap:AppVersion>16.0000</ap:AppVersion>
  <ap:Template>Normal.dotm</ap:Template>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title/>
  <dc:subject/>
  <keywords/>
  <dc:description/>
  <dcterms:created xsi:type="dcterms:W3CDTF">2024-03-07T19:03:43.0560077Z</dcterms:created>
  <dcterms:modified xsi:type="dcterms:W3CDTF">2024-04-26T02:07:31.0535699Z</dcterms:modified>
  <dc:creator>DionicioSilva, Adrian</dc:creator>
  <lastModifiedBy>DionicioSilva, Adrian</lastModifiedBy>
</coreProperties>
</file>